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drawings/drawing3.xml" ContentType="application/vnd.openxmlformats-officedocument.drawing+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drawings/drawing4.xml" ContentType="application/vnd.openxmlformats-officedocument.drawing+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drawings/drawing5.xml" ContentType="application/vnd.openxmlformats-officedocument.drawing+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drawings/drawing6.xml" ContentType="application/vnd.openxmlformats-officedocument.drawing+xml"/>
  <Override PartName="/xl/ctrlProps/ctrlProp85.xml" ContentType="application/vnd.ms-excel.controlproperties+xml"/>
  <Override PartName="/xl/ctrlProps/ctrlProp86.xml" ContentType="application/vnd.ms-excel.controlproperties+xml"/>
  <Override PartName="/xl/drawings/drawing7.xml" ContentType="application/vnd.openxmlformats-officedocument.drawing+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drawings/drawing8.xml" ContentType="application/vnd.openxmlformats-officedocument.drawing+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drawings/drawing9.xml" ContentType="application/vnd.openxmlformats-officedocument.drawing+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drawings/drawing10.xml" ContentType="application/vnd.openxmlformats-officedocument.drawing+xml"/>
  <Override PartName="/xl/drawings/drawing11.xml" ContentType="application/vnd.openxmlformats-officedocument.drawing+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drawings/drawing12.xml" ContentType="application/vnd.openxmlformats-officedocument.drawing+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drawings/drawing13.xml" ContentType="application/vnd.openxmlformats-officedocument.drawing+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drawings/drawing14.xml" ContentType="application/vnd.openxmlformats-officedocument.drawing+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drawings/drawing15.xml" ContentType="application/vnd.openxmlformats-officedocument.drawing+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drawings/drawing16.xml" ContentType="application/vnd.openxmlformats-officedocument.drawing+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drawings/drawing17.xml" ContentType="application/vnd.openxmlformats-officedocument.drawing+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drawings/drawing18.xml" ContentType="application/vnd.openxmlformats-officedocument.drawing+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codeName="ThisWorkbook"/>
  <mc:AlternateContent xmlns:mc="http://schemas.openxmlformats.org/markup-compatibility/2006">
    <mc:Choice Requires="x15">
      <x15ac:absPath xmlns:x15ac="http://schemas.microsoft.com/office/spreadsheetml/2010/11/ac" url="\\kfs01\s1386\05_監査グループ\09　指導監査全体\02_提出様式、調書様式\認可（保育所、児童養護）\★R8改正\02_公立保育所・児童養護施設\施行（完成版）\"/>
    </mc:Choice>
  </mc:AlternateContent>
  <xr:revisionPtr revIDLastSave="0" documentId="13_ncr:1_{3C3AF584-D389-4167-8749-569C1ECF3B9C}" xr6:coauthVersionLast="47" xr6:coauthVersionMax="47" xr10:uidLastSave="{00000000-0000-0000-0000-000000000000}"/>
  <bookViews>
    <workbookView xWindow="28680" yWindow="-120" windowWidth="29040" windowHeight="15720" tabRatio="751" xr2:uid="{00000000-000D-0000-FFFF-FFFF00000000}"/>
  </bookViews>
  <sheets>
    <sheet name="児養０１" sheetId="3" r:id="rId1"/>
    <sheet name="児養０１（別紙）" sheetId="4" r:id="rId2"/>
    <sheet name="児養０２" sheetId="5" r:id="rId3"/>
    <sheet name="児養０3" sheetId="6" r:id="rId4"/>
    <sheet name="児養０４" sheetId="30" r:id="rId5"/>
    <sheet name="児養０５" sheetId="8" r:id="rId6"/>
    <sheet name="児養０６" sheetId="9" r:id="rId7"/>
    <sheet name="児養０７" sheetId="34" r:id="rId8"/>
    <sheet name="児養０8" sheetId="31" r:id="rId9"/>
    <sheet name="児養０９" sheetId="13" r:id="rId10"/>
    <sheet name="児養１０" sheetId="33" r:id="rId11"/>
    <sheet name="児養１１" sheetId="15" r:id="rId12"/>
    <sheet name="児養１２" sheetId="16" r:id="rId13"/>
    <sheet name="児養１３" sheetId="17" r:id="rId14"/>
    <sheet name="児養１４" sheetId="18" r:id="rId15"/>
    <sheet name="児養１５" sheetId="19" r:id="rId16"/>
    <sheet name="児養１６" sheetId="20" r:id="rId17"/>
    <sheet name="児養１７" sheetId="21" r:id="rId18"/>
    <sheet name="児養１８" sheetId="22" r:id="rId19"/>
    <sheet name="児養１９" sheetId="23" r:id="rId20"/>
    <sheet name="児養２０" sheetId="24" r:id="rId21"/>
    <sheet name="児養２１" sheetId="25" r:id="rId22"/>
    <sheet name="児養２２" sheetId="26" r:id="rId23"/>
    <sheet name="児養２３" sheetId="27" r:id="rId24"/>
    <sheet name="児養自由記載" sheetId="28" r:id="rId25"/>
    <sheet name="児養最終(添付書類）" sheetId="29" r:id="rId26"/>
  </sheets>
  <externalReferences>
    <externalReference r:id="rId27"/>
  </externalReferences>
  <definedNames>
    <definedName name="_xlnm.Print_Area" localSheetId="0">児養０１!$A$1:$Q$45</definedName>
    <definedName name="_xlnm.Print_Area" localSheetId="4">児養０４!$A$1:$L$54</definedName>
    <definedName name="_xlnm.Print_Area" localSheetId="7">児養０７!$A$1:$R$51</definedName>
    <definedName name="_xlnm.Print_Area" localSheetId="14">児養１４!$A$2:$G$31</definedName>
    <definedName name="_xlnm.Print_Area" localSheetId="17">児養１７!$A$1:$L$50</definedName>
    <definedName name="_xlnm.Print_Area" localSheetId="18">児養１８!$A$1:$J$47</definedName>
    <definedName name="_xlnm.Print_Area" localSheetId="20">児養２０!$A$1:$J$64</definedName>
    <definedName name="_xlnm.Print_Area" localSheetId="21">児養２１!$A$1:$R$37</definedName>
    <definedName name="_xlnm.Print_Titles" localSheetId="7">児養０７!$3:$7</definedName>
  </definedNames>
  <calcPr calcId="191029"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Q3" i="34" l="1"/>
  <c r="H20" i="25"/>
  <c r="F17" i="25" s="1"/>
  <c r="L23" i="25" s="1"/>
  <c r="J19" i="25"/>
  <c r="E13" i="25"/>
  <c r="L10" i="25" s="1"/>
  <c r="E8" i="25" s="1"/>
  <c r="L11" i="25" s="1"/>
</calcChain>
</file>

<file path=xl/sharedStrings.xml><?xml version="1.0" encoding="utf-8"?>
<sst xmlns="http://schemas.openxmlformats.org/spreadsheetml/2006/main" count="1557" uniqueCount="1124">
  <si>
    <t>７　防　災</t>
    <rPh sb="2" eb="5">
      <t>ボウサイ</t>
    </rPh>
    <phoneticPr fontId="3"/>
  </si>
  <si>
    <t>（１）消防計画等の消防署への届出</t>
    <rPh sb="3" eb="5">
      <t>ショウボウ</t>
    </rPh>
    <rPh sb="5" eb="7">
      <t>ケイカク</t>
    </rPh>
    <rPh sb="7" eb="8">
      <t>トウ</t>
    </rPh>
    <rPh sb="9" eb="12">
      <t>ショウボウショ</t>
    </rPh>
    <rPh sb="14" eb="16">
      <t>トドケデ</t>
    </rPh>
    <phoneticPr fontId="3"/>
  </si>
  <si>
    <t>消防計画の届出</t>
    <phoneticPr fontId="4"/>
  </si>
  <si>
    <t>届出年月日（直近）</t>
    <rPh sb="0" eb="2">
      <t>トドケデ</t>
    </rPh>
    <rPh sb="2" eb="4">
      <t>ネンゲツ</t>
    </rPh>
    <rPh sb="4" eb="5">
      <t>ビ</t>
    </rPh>
    <rPh sb="6" eb="7">
      <t>チョク</t>
    </rPh>
    <rPh sb="7" eb="8">
      <t>キン</t>
    </rPh>
    <phoneticPr fontId="4"/>
  </si>
  <si>
    <t>　　年　　月　　日</t>
    <rPh sb="2" eb="9">
      <t>ネンガッピ</t>
    </rPh>
    <phoneticPr fontId="3"/>
  </si>
  <si>
    <t>防火管理者の職・氏名　</t>
    <phoneticPr fontId="3"/>
  </si>
  <si>
    <t>届出</t>
    <rPh sb="0" eb="2">
      <t>トドケデ</t>
    </rPh>
    <phoneticPr fontId="3"/>
  </si>
  <si>
    <t>　　年　　月　　日</t>
    <phoneticPr fontId="3"/>
  </si>
  <si>
    <t>（２）防災設備等の状況（監査資料提出月の前月１日現在）</t>
    <phoneticPr fontId="3"/>
  </si>
  <si>
    <t>施設・設備</t>
    <rPh sb="0" eb="2">
      <t>シセツ</t>
    </rPh>
    <rPh sb="3" eb="5">
      <t>セツビ</t>
    </rPh>
    <phoneticPr fontId="3"/>
  </si>
  <si>
    <t>整備状況</t>
    <rPh sb="0" eb="2">
      <t>セイビ</t>
    </rPh>
    <rPh sb="2" eb="4">
      <t>ジョウキョウ</t>
    </rPh>
    <phoneticPr fontId="3"/>
  </si>
  <si>
    <t>　避難階段</t>
    <rPh sb="1" eb="3">
      <t>ヒナン</t>
    </rPh>
    <rPh sb="3" eb="5">
      <t>カイダン</t>
    </rPh>
    <phoneticPr fontId="3"/>
  </si>
  <si>
    <t xml:space="preserve"> （　　ｶ所）・</t>
    <rPh sb="5" eb="6">
      <t>ショ</t>
    </rPh>
    <phoneticPr fontId="3"/>
  </si>
  <si>
    <t>　避難口（非常口）</t>
    <rPh sb="1" eb="3">
      <t>ヒナン</t>
    </rPh>
    <rPh sb="3" eb="4">
      <t>グチ</t>
    </rPh>
    <rPh sb="5" eb="8">
      <t>ヒジョウグチ</t>
    </rPh>
    <phoneticPr fontId="3"/>
  </si>
  <si>
    <t>　居室・廊下・階段等の内装</t>
    <rPh sb="1" eb="3">
      <t>キョシツ</t>
    </rPh>
    <rPh sb="4" eb="6">
      <t>ロウカ</t>
    </rPh>
    <rPh sb="7" eb="9">
      <t>カイダン</t>
    </rPh>
    <rPh sb="9" eb="10">
      <t>トウ</t>
    </rPh>
    <rPh sb="11" eb="13">
      <t>ナイソウ</t>
    </rPh>
    <phoneticPr fontId="3"/>
  </si>
  <si>
    <t>　防火戸・防火シャツター</t>
    <rPh sb="1" eb="3">
      <t>ボウカ</t>
    </rPh>
    <rPh sb="3" eb="4">
      <t>ト</t>
    </rPh>
    <rPh sb="5" eb="7">
      <t>ボウカ</t>
    </rPh>
    <phoneticPr fontId="3"/>
  </si>
  <si>
    <t>　屋内消火栓設備</t>
    <rPh sb="1" eb="3">
      <t>オクナイ</t>
    </rPh>
    <rPh sb="3" eb="6">
      <t>ショウカセン</t>
    </rPh>
    <rPh sb="6" eb="8">
      <t>セツビ</t>
    </rPh>
    <phoneticPr fontId="3"/>
  </si>
  <si>
    <t>　スプリンクラー設備</t>
    <rPh sb="8" eb="10">
      <t>セツビ</t>
    </rPh>
    <phoneticPr fontId="3"/>
  </si>
  <si>
    <t>　自動火災報知器設備</t>
    <rPh sb="1" eb="3">
      <t>ジドウ</t>
    </rPh>
    <rPh sb="3" eb="8">
      <t>カサイホウチキ</t>
    </rPh>
    <rPh sb="8" eb="10">
      <t>セツビ</t>
    </rPh>
    <phoneticPr fontId="3"/>
  </si>
  <si>
    <t>　非常通報装置</t>
    <rPh sb="1" eb="3">
      <t>ヒジョウ</t>
    </rPh>
    <rPh sb="3" eb="5">
      <t>ツウホウ</t>
    </rPh>
    <rPh sb="5" eb="7">
      <t>ソウチ</t>
    </rPh>
    <phoneticPr fontId="3"/>
  </si>
  <si>
    <t>　非常警報設備</t>
    <rPh sb="1" eb="3">
      <t>ヒジョウ</t>
    </rPh>
    <rPh sb="3" eb="5">
      <t>ケイホウ</t>
    </rPh>
    <rPh sb="5" eb="7">
      <t>セツビ</t>
    </rPh>
    <phoneticPr fontId="3"/>
  </si>
  <si>
    <t>　避難器具（すべり台・救助袋）</t>
    <rPh sb="1" eb="3">
      <t>ヒナン</t>
    </rPh>
    <rPh sb="3" eb="5">
      <t>キグ</t>
    </rPh>
    <rPh sb="9" eb="10">
      <t>ダイ</t>
    </rPh>
    <rPh sb="11" eb="13">
      <t>キュウジョ</t>
    </rPh>
    <rPh sb="13" eb="14">
      <t>ブクロ</t>
    </rPh>
    <phoneticPr fontId="3"/>
  </si>
  <si>
    <t>　誘導灯及び誘導標識</t>
    <rPh sb="1" eb="3">
      <t>ユウドウ</t>
    </rPh>
    <rPh sb="3" eb="4">
      <t>トウ</t>
    </rPh>
    <rPh sb="4" eb="5">
      <t>オヨ</t>
    </rPh>
    <rPh sb="6" eb="8">
      <t>ユウドウ</t>
    </rPh>
    <rPh sb="8" eb="10">
      <t>ヒョウシキ</t>
    </rPh>
    <phoneticPr fontId="3"/>
  </si>
  <si>
    <t>　消火器具</t>
    <rPh sb="1" eb="3">
      <t>ショウカ</t>
    </rPh>
    <rPh sb="3" eb="5">
      <t>キグ</t>
    </rPh>
    <phoneticPr fontId="3"/>
  </si>
  <si>
    <t>個</t>
    <rPh sb="0" eb="1">
      <t>コ</t>
    </rPh>
    <phoneticPr fontId="3"/>
  </si>
  <si>
    <t>（３）防災設備の保守点検状況</t>
    <rPh sb="3" eb="7">
      <t>ボウサイセツビ</t>
    </rPh>
    <rPh sb="8" eb="10">
      <t>ホシュ</t>
    </rPh>
    <rPh sb="10" eb="12">
      <t>テンケン</t>
    </rPh>
    <rPh sb="12" eb="14">
      <t>ジョウキョウ</t>
    </rPh>
    <phoneticPr fontId="3"/>
  </si>
  <si>
    <t>業者委託による点検</t>
    <rPh sb="0" eb="2">
      <t>ギョウシャ</t>
    </rPh>
    <rPh sb="2" eb="4">
      <t>イタク</t>
    </rPh>
    <rPh sb="7" eb="9">
      <t>テンケン</t>
    </rPh>
    <phoneticPr fontId="3"/>
  </si>
  <si>
    <t>（　　回／年）・</t>
    <rPh sb="3" eb="4">
      <t>カイ</t>
    </rPh>
    <rPh sb="5" eb="6">
      <t>ネン</t>
    </rPh>
    <phoneticPr fontId="3"/>
  </si>
  <si>
    <t>実施者</t>
    <rPh sb="0" eb="2">
      <t>ジッシ</t>
    </rPh>
    <rPh sb="2" eb="3">
      <t>ギョウシャ</t>
    </rPh>
    <phoneticPr fontId="3"/>
  </si>
  <si>
    <t>記録の
有・無</t>
    <rPh sb="0" eb="2">
      <t>キロク</t>
    </rPh>
    <rPh sb="4" eb="5">
      <t>タモツ</t>
    </rPh>
    <rPh sb="6" eb="7">
      <t>ナシ</t>
    </rPh>
    <phoneticPr fontId="3"/>
  </si>
  <si>
    <t>自主点検</t>
    <rPh sb="0" eb="2">
      <t>ジシュ</t>
    </rPh>
    <rPh sb="2" eb="4">
      <t>テンケン</t>
    </rPh>
    <phoneticPr fontId="3"/>
  </si>
  <si>
    <t>消防法17-3-3による消防署への報告</t>
    <rPh sb="0" eb="3">
      <t>ショウボウホウ</t>
    </rPh>
    <rPh sb="12" eb="15">
      <t>ショウボウショ</t>
    </rPh>
    <rPh sb="17" eb="19">
      <t>ホウコク</t>
    </rPh>
    <phoneticPr fontId="3"/>
  </si>
  <si>
    <t>　令和 　　年 　　月 　　日</t>
    <rPh sb="1" eb="3">
      <t>レイワ</t>
    </rPh>
    <rPh sb="6" eb="7">
      <t>トシ</t>
    </rPh>
    <rPh sb="10" eb="11">
      <t>ツキ</t>
    </rPh>
    <rPh sb="14" eb="15">
      <t>ヒ</t>
    </rPh>
    <phoneticPr fontId="3"/>
  </si>
  <si>
    <r>
      <t>（４）各種防災訓練の実施状況</t>
    </r>
    <r>
      <rPr>
        <sz val="8"/>
        <rFont val="ＭＳ ゴシック"/>
        <family val="3"/>
        <charset val="128"/>
      </rPr>
      <t>（参考）児童福祉施設最低基準では、月1回以上の避難訓練及び消火訓練が義務付けられています。</t>
    </r>
    <rPh sb="3" eb="5">
      <t>カクシュ</t>
    </rPh>
    <rPh sb="5" eb="9">
      <t>ボウサイクンレン</t>
    </rPh>
    <rPh sb="10" eb="14">
      <t>ジッシジョウキョウ</t>
    </rPh>
    <rPh sb="34" eb="36">
      <t>イジョウ</t>
    </rPh>
    <rPh sb="39" eb="41">
      <t>クンレン</t>
    </rPh>
    <rPh sb="48" eb="50">
      <t>ギム</t>
    </rPh>
    <rPh sb="50" eb="51">
      <t>ヅ</t>
    </rPh>
    <phoneticPr fontId="3"/>
  </si>
  <si>
    <t>実施月日</t>
    <rPh sb="0" eb="2">
      <t>ジッシ</t>
    </rPh>
    <rPh sb="2" eb="4">
      <t>ガッピ</t>
    </rPh>
    <phoneticPr fontId="3"/>
  </si>
  <si>
    <t>訓練内容
（避難・消火・その他に分けて記載）</t>
    <rPh sb="0" eb="2">
      <t>クンレン</t>
    </rPh>
    <rPh sb="2" eb="4">
      <t>ナイヨウ</t>
    </rPh>
    <rPh sb="6" eb="8">
      <t>ヒナン</t>
    </rPh>
    <rPh sb="9" eb="11">
      <t>ショウカ</t>
    </rPh>
    <rPh sb="14" eb="15">
      <t>タ</t>
    </rPh>
    <rPh sb="16" eb="17">
      <t>ワ</t>
    </rPh>
    <rPh sb="19" eb="21">
      <t>キサイ</t>
    </rPh>
    <phoneticPr fontId="3"/>
  </si>
  <si>
    <t>消防署への事前通報の実施</t>
    <rPh sb="0" eb="3">
      <t>ショウボウショ</t>
    </rPh>
    <rPh sb="5" eb="7">
      <t>ジゼン</t>
    </rPh>
    <rPh sb="7" eb="9">
      <t>ツウホウ</t>
    </rPh>
    <rPh sb="10" eb="12">
      <t>ジッシ</t>
    </rPh>
    <phoneticPr fontId="3"/>
  </si>
  <si>
    <t>　　／</t>
    <phoneticPr fontId="4"/>
  </si>
  <si>
    <t>その他（</t>
    <rPh sb="2" eb="3">
      <t>タ</t>
    </rPh>
    <phoneticPr fontId="3"/>
  </si>
  <si>
    <t>）</t>
    <phoneticPr fontId="3"/>
  </si>
  <si>
    <t>年</t>
    <rPh sb="0" eb="1">
      <t>ネン</t>
    </rPh>
    <phoneticPr fontId="3"/>
  </si>
  <si>
    <t>度</t>
    <rPh sb="0" eb="1">
      <t>ド</t>
    </rPh>
    <phoneticPr fontId="3"/>
  </si>
  <si>
    <t>※　「消火」には実際に消火器を使用する訓練のほか、模擬訓練を含む</t>
    <rPh sb="3" eb="5">
      <t>ショウカ</t>
    </rPh>
    <rPh sb="8" eb="10">
      <t>ジッサイ</t>
    </rPh>
    <rPh sb="11" eb="14">
      <t>ショウカキ</t>
    </rPh>
    <rPh sb="15" eb="17">
      <t>シヨウ</t>
    </rPh>
    <rPh sb="19" eb="21">
      <t>クンレン</t>
    </rPh>
    <rPh sb="25" eb="27">
      <t>モギ</t>
    </rPh>
    <rPh sb="27" eb="29">
      <t>クンレン</t>
    </rPh>
    <rPh sb="30" eb="31">
      <t>フク</t>
    </rPh>
    <phoneticPr fontId="3"/>
  </si>
  <si>
    <t>専任</t>
    <rPh sb="0" eb="2">
      <t>センニン</t>
    </rPh>
    <phoneticPr fontId="3"/>
  </si>
  <si>
    <t>就業規則</t>
    <rPh sb="0" eb="2">
      <t>シュウギョウ</t>
    </rPh>
    <rPh sb="2" eb="4">
      <t>キソク</t>
    </rPh>
    <phoneticPr fontId="3"/>
  </si>
  <si>
    <t>その他</t>
    <rPh sb="2" eb="3">
      <t>タ</t>
    </rPh>
    <phoneticPr fontId="3"/>
  </si>
  <si>
    <t>未実施</t>
    <rPh sb="0" eb="3">
      <t>ミジッシ</t>
    </rPh>
    <phoneticPr fontId="3"/>
  </si>
  <si>
    <t>【児童養護施設等】</t>
    <rPh sb="1" eb="3">
      <t>ジドウ</t>
    </rPh>
    <rPh sb="3" eb="5">
      <t>ヨウゴ</t>
    </rPh>
    <rPh sb="5" eb="7">
      <t>シセツ</t>
    </rPh>
    <rPh sb="7" eb="8">
      <t>トウ</t>
    </rPh>
    <phoneticPr fontId="3"/>
  </si>
  <si>
    <t>第１　施設運営</t>
    <rPh sb="3" eb="5">
      <t>シセツ</t>
    </rPh>
    <rPh sb="5" eb="7">
      <t>ウンエイ</t>
    </rPh>
    <phoneticPr fontId="12"/>
  </si>
  <si>
    <t>１　施設の概況</t>
    <rPh sb="2" eb="4">
      <t>シセツ</t>
    </rPh>
    <rPh sb="5" eb="7">
      <t>ガイキョウ</t>
    </rPh>
    <phoneticPr fontId="12"/>
  </si>
  <si>
    <t>(1)　運営方針等</t>
    <rPh sb="4" eb="6">
      <t>ウンエイ</t>
    </rPh>
    <rPh sb="6" eb="8">
      <t>ホウシン</t>
    </rPh>
    <rPh sb="8" eb="9">
      <t>トウ</t>
    </rPh>
    <phoneticPr fontId="12"/>
  </si>
  <si>
    <t>　設置主体（経営主体）</t>
    <rPh sb="1" eb="3">
      <t>セッチ</t>
    </rPh>
    <rPh sb="3" eb="5">
      <t>シュタイ</t>
    </rPh>
    <rPh sb="6" eb="8">
      <t>ケイエイ</t>
    </rPh>
    <rPh sb="8" eb="10">
      <t>シュタイ</t>
    </rPh>
    <phoneticPr fontId="12"/>
  </si>
  <si>
    <t>　施設所在地</t>
    <rPh sb="1" eb="3">
      <t>シセツ</t>
    </rPh>
    <rPh sb="3" eb="6">
      <t>ショザイチ</t>
    </rPh>
    <phoneticPr fontId="12"/>
  </si>
  <si>
    <t>　電話番号・ＦＡＸ番号</t>
    <rPh sb="1" eb="5">
      <t>デンワバンゴウ</t>
    </rPh>
    <rPh sb="9" eb="11">
      <t>バンゴウ</t>
    </rPh>
    <phoneticPr fontId="12"/>
  </si>
  <si>
    <t>ＦＡＸ</t>
    <phoneticPr fontId="12"/>
  </si>
  <si>
    <t>電子メールアドレス</t>
    <rPh sb="0" eb="2">
      <t>デンシ</t>
    </rPh>
    <phoneticPr fontId="3"/>
  </si>
  <si>
    <t>　施設設置年月日</t>
    <rPh sb="1" eb="3">
      <t>シセツ</t>
    </rPh>
    <rPh sb="3" eb="5">
      <t>セッチ</t>
    </rPh>
    <rPh sb="5" eb="8">
      <t>ネンガッピ</t>
    </rPh>
    <phoneticPr fontId="12"/>
  </si>
  <si>
    <t>　事業開始年月日</t>
    <rPh sb="1" eb="3">
      <t>ジギョウ</t>
    </rPh>
    <rPh sb="3" eb="5">
      <t>カイシ</t>
    </rPh>
    <rPh sb="5" eb="8">
      <t>ネンガッピ</t>
    </rPh>
    <phoneticPr fontId="12"/>
  </si>
  <si>
    <t>　認可定員</t>
    <rPh sb="1" eb="3">
      <t>ニンカ</t>
    </rPh>
    <rPh sb="3" eb="5">
      <t>テイイン</t>
    </rPh>
    <phoneticPr fontId="12"/>
  </si>
  <si>
    <t>入所</t>
    <rPh sb="0" eb="2">
      <t>ニュウショ</t>
    </rPh>
    <phoneticPr fontId="3"/>
  </si>
  <si>
    <t>人</t>
    <rPh sb="0" eb="1">
      <t>ニン</t>
    </rPh>
    <phoneticPr fontId="3"/>
  </si>
  <si>
    <t>（暫定定員）</t>
    <rPh sb="1" eb="3">
      <t>ザンテイ</t>
    </rPh>
    <rPh sb="3" eb="5">
      <t>テイイン</t>
    </rPh>
    <phoneticPr fontId="3"/>
  </si>
  <si>
    <t>○苦情解決体制</t>
    <rPh sb="1" eb="3">
      <t>クジョウ</t>
    </rPh>
    <rPh sb="3" eb="5">
      <t>カイケツ</t>
    </rPh>
    <rPh sb="5" eb="7">
      <t>タイセイ</t>
    </rPh>
    <phoneticPr fontId="12"/>
  </si>
  <si>
    <t>第三者委員の定数    ：</t>
    <rPh sb="0" eb="3">
      <t>ダイサンシャ</t>
    </rPh>
    <rPh sb="3" eb="5">
      <t>イイン</t>
    </rPh>
    <rPh sb="6" eb="7">
      <t>テイ</t>
    </rPh>
    <rPh sb="7" eb="8">
      <t>スウ</t>
    </rPh>
    <phoneticPr fontId="12"/>
  </si>
  <si>
    <t>名</t>
    <rPh sb="0" eb="1">
      <t>メイ</t>
    </rPh>
    <phoneticPr fontId="3"/>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12"/>
  </si>
  <si>
    <t>要綱等の有無</t>
    <rPh sb="0" eb="2">
      <t>ヨウコウ</t>
    </rPh>
    <rPh sb="2" eb="3">
      <t>トウ</t>
    </rPh>
    <rPh sb="4" eb="6">
      <t>ウム</t>
    </rPh>
    <phoneticPr fontId="3"/>
  </si>
  <si>
    <t>　苦情解決体制未整備の場合、その理由</t>
    <rPh sb="1" eb="3">
      <t>クジョウ</t>
    </rPh>
    <rPh sb="3" eb="5">
      <t>カイケツ</t>
    </rPh>
    <rPh sb="5" eb="7">
      <t>タイセイ</t>
    </rPh>
    <rPh sb="7" eb="10">
      <t>ミセイビ</t>
    </rPh>
    <rPh sb="11" eb="13">
      <t>バアイ</t>
    </rPh>
    <rPh sb="16" eb="18">
      <t>リユウ</t>
    </rPh>
    <phoneticPr fontId="12"/>
  </si>
  <si>
    <t>○人権侵害等の防止に向けた取組
・虐待等防止に係る具体的かつ効果的な取組（定期的な自己点検＜虐待の未然防止、早期発見、事後の迅速な対応＞、組織的な支援体制＜虐待防止委員会の設置、指針整備、研修の実施、専任担当者の選任＞　など
・苦情解決体制の充実と徹底、第三者委員の積極的な活用　
・事故防止、事故への適切な対応及び再発防止対策への取組　など
○ 防災・防犯対策・感染症対策
・ 実態に応じた防災計画の見直し、非常災害対策計画に基づく避難訓練の実施状況、災害発生時の地域との　連携　など　
・ 施設の実情に応じた防犯体制の見直し状況、地域関係機関との連携　など
・ 業務継続計画の取組（感染症に係る業務継続計画及び災害に係る業務継続計画の策定状況、訓練の実施、研修の実施　など）
・感染症発生及びまん延の防止等に関する取組（組織的な支援体制＜感染対策委員会の設置、指針整備、研修の実施、訓練の実施＞　など）
○地域等との連携
・施設の運営に当たっての地域住民や地域交流の取組（利用者の家庭との関わり、日頃の連携状況など）</t>
    <phoneticPr fontId="3"/>
  </si>
  <si>
    <t>別紙</t>
    <rPh sb="0" eb="2">
      <t>ベッシ</t>
    </rPh>
    <phoneticPr fontId="12"/>
  </si>
  <si>
    <t>○　人権侵害等の防止に向けた取組み</t>
    <rPh sb="2" eb="4">
      <t>ジンケン</t>
    </rPh>
    <rPh sb="4" eb="6">
      <t>シンガイ</t>
    </rPh>
    <rPh sb="6" eb="7">
      <t>トウ</t>
    </rPh>
    <rPh sb="8" eb="10">
      <t>ボウシ</t>
    </rPh>
    <rPh sb="11" eb="12">
      <t>ム</t>
    </rPh>
    <rPh sb="14" eb="16">
      <t>トリク</t>
    </rPh>
    <phoneticPr fontId="15"/>
  </si>
  <si>
    <t>＊第三者評価の受審予定、自己評価の実施状況等についてご記入ください。</t>
    <rPh sb="1" eb="2">
      <t>ダイ</t>
    </rPh>
    <rPh sb="2" eb="4">
      <t>サンシャ</t>
    </rPh>
    <rPh sb="4" eb="6">
      <t>ヒョウカ</t>
    </rPh>
    <rPh sb="7" eb="8">
      <t>ウケ</t>
    </rPh>
    <rPh sb="8" eb="9">
      <t>シン</t>
    </rPh>
    <rPh sb="9" eb="11">
      <t>ヨテイ</t>
    </rPh>
    <rPh sb="12" eb="14">
      <t>ジコ</t>
    </rPh>
    <rPh sb="14" eb="16">
      <t>ヒョウカ</t>
    </rPh>
    <rPh sb="17" eb="19">
      <t>ジッシ</t>
    </rPh>
    <rPh sb="19" eb="22">
      <t>ジョウキョウナド</t>
    </rPh>
    <rPh sb="27" eb="29">
      <t>キニュウ</t>
    </rPh>
    <phoneticPr fontId="15"/>
  </si>
  <si>
    <t>１　第三者評価受審について</t>
    <rPh sb="2" eb="3">
      <t>ダイ</t>
    </rPh>
    <rPh sb="3" eb="5">
      <t>サンシャ</t>
    </rPh>
    <rPh sb="5" eb="7">
      <t>ヒョウカ</t>
    </rPh>
    <rPh sb="7" eb="8">
      <t>ウケ</t>
    </rPh>
    <rPh sb="8" eb="9">
      <t>シン</t>
    </rPh>
    <phoneticPr fontId="15"/>
  </si>
  <si>
    <t>（１）次回受審予定年度　　　　　</t>
    <rPh sb="3" eb="5">
      <t>ジカイ</t>
    </rPh>
    <rPh sb="5" eb="6">
      <t>ウケ</t>
    </rPh>
    <rPh sb="6" eb="7">
      <t>シン</t>
    </rPh>
    <rPh sb="7" eb="9">
      <t>ヨテイ</t>
    </rPh>
    <rPh sb="9" eb="11">
      <t>ネンド</t>
    </rPh>
    <phoneticPr fontId="15"/>
  </si>
  <si>
    <t>（２）公表等の対応状況　</t>
    <rPh sb="3" eb="6">
      <t>コウヒョウトウ</t>
    </rPh>
    <rPh sb="7" eb="9">
      <t>タイオウ</t>
    </rPh>
    <rPh sb="9" eb="11">
      <t>ジョウキョウ</t>
    </rPh>
    <phoneticPr fontId="15"/>
  </si>
  <si>
    <t>２　自己評価の実施状況について</t>
    <rPh sb="2" eb="4">
      <t>ジコ</t>
    </rPh>
    <rPh sb="4" eb="6">
      <t>ヒョウカ</t>
    </rPh>
    <rPh sb="7" eb="9">
      <t>ジッシ</t>
    </rPh>
    <rPh sb="9" eb="11">
      <t>ジョウキョウ</t>
    </rPh>
    <phoneticPr fontId="15"/>
  </si>
  <si>
    <t>＊実施報告書等があれば添付してください。</t>
    <rPh sb="1" eb="3">
      <t>ジッシ</t>
    </rPh>
    <rPh sb="3" eb="5">
      <t>ホウコク</t>
    </rPh>
    <rPh sb="5" eb="6">
      <t>ショ</t>
    </rPh>
    <rPh sb="6" eb="7">
      <t>トウ</t>
    </rPh>
    <rPh sb="11" eb="13">
      <t>テンプ</t>
    </rPh>
    <phoneticPr fontId="15"/>
  </si>
  <si>
    <t>※「社会的養護関係施設における第三者評価及び自己評価の実施について」（厚生労働省雇用機会均等・児童家庭局長　厚生労働省社会・援護局長通知　平成24年３月29日）の対応状況の確認のため記載をお願いします。</t>
    <rPh sb="2" eb="4">
      <t>シャカイ</t>
    </rPh>
    <rPh sb="4" eb="5">
      <t>テキ</t>
    </rPh>
    <rPh sb="5" eb="7">
      <t>ヨウゴ</t>
    </rPh>
    <rPh sb="7" eb="9">
      <t>カンケイ</t>
    </rPh>
    <rPh sb="9" eb="11">
      <t>シセツ</t>
    </rPh>
    <rPh sb="15" eb="16">
      <t>ダイ</t>
    </rPh>
    <rPh sb="16" eb="18">
      <t>サンシャ</t>
    </rPh>
    <rPh sb="18" eb="20">
      <t>ヒョウカ</t>
    </rPh>
    <rPh sb="20" eb="21">
      <t>オヨ</t>
    </rPh>
    <rPh sb="22" eb="24">
      <t>ジコ</t>
    </rPh>
    <rPh sb="24" eb="26">
      <t>ヒョウカ</t>
    </rPh>
    <rPh sb="27" eb="29">
      <t>ジッシ</t>
    </rPh>
    <rPh sb="35" eb="37">
      <t>コウセイ</t>
    </rPh>
    <rPh sb="37" eb="40">
      <t>ロウドウショウ</t>
    </rPh>
    <rPh sb="40" eb="42">
      <t>コヨウ</t>
    </rPh>
    <rPh sb="42" eb="44">
      <t>キカイ</t>
    </rPh>
    <rPh sb="44" eb="46">
      <t>キントウ</t>
    </rPh>
    <rPh sb="47" eb="49">
      <t>ジドウ</t>
    </rPh>
    <rPh sb="49" eb="51">
      <t>カテイ</t>
    </rPh>
    <rPh sb="51" eb="53">
      <t>キョクチョウ</t>
    </rPh>
    <rPh sb="54" eb="56">
      <t>コウセイ</t>
    </rPh>
    <rPh sb="56" eb="59">
      <t>ロウドウショウ</t>
    </rPh>
    <rPh sb="59" eb="61">
      <t>シャカイ</t>
    </rPh>
    <rPh sb="62" eb="64">
      <t>エンゴ</t>
    </rPh>
    <rPh sb="64" eb="66">
      <t>キョクチョウ</t>
    </rPh>
    <rPh sb="66" eb="68">
      <t>ツウチ</t>
    </rPh>
    <phoneticPr fontId="15"/>
  </si>
  <si>
    <t>（２）施設の用に供する土地等の状況</t>
    <rPh sb="3" eb="5">
      <t>シセツ</t>
    </rPh>
    <rPh sb="6" eb="7">
      <t>ヨウ</t>
    </rPh>
    <rPh sb="8" eb="9">
      <t>キョウ</t>
    </rPh>
    <rPh sb="11" eb="13">
      <t>トチ</t>
    </rPh>
    <rPh sb="13" eb="14">
      <t>トウ</t>
    </rPh>
    <rPh sb="15" eb="17">
      <t>ジョウキョウ</t>
    </rPh>
    <phoneticPr fontId="3"/>
  </si>
  <si>
    <t>ア　土　地（小規模園を含む）</t>
    <rPh sb="2" eb="5">
      <t>トチ</t>
    </rPh>
    <rPh sb="6" eb="9">
      <t>ショウキボ</t>
    </rPh>
    <rPh sb="9" eb="10">
      <t>エン</t>
    </rPh>
    <rPh sb="11" eb="12">
      <t>フク</t>
    </rPh>
    <phoneticPr fontId="3"/>
  </si>
  <si>
    <t>　　　　　※借地の施設のみ記入</t>
    <rPh sb="6" eb="8">
      <t>シャクチ</t>
    </rPh>
    <rPh sb="9" eb="11">
      <t>シセツ</t>
    </rPh>
    <rPh sb="13" eb="15">
      <t>キニュウ</t>
    </rPh>
    <phoneticPr fontId="3"/>
  </si>
  <si>
    <t>自己所有地</t>
    <rPh sb="0" eb="2">
      <t>ジコ</t>
    </rPh>
    <rPh sb="2" eb="5">
      <t>ショユウチ</t>
    </rPh>
    <phoneticPr fontId="3"/>
  </si>
  <si>
    <t>　　　㎡</t>
    <phoneticPr fontId="3"/>
  </si>
  <si>
    <t>所有者氏名</t>
    <rPh sb="0" eb="3">
      <t>ショユウシャ</t>
    </rPh>
    <rPh sb="3" eb="5">
      <t>シメイ</t>
    </rPh>
    <phoneticPr fontId="3"/>
  </si>
  <si>
    <t>借　　　　地</t>
    <rPh sb="0" eb="6">
      <t>シャクチ</t>
    </rPh>
    <phoneticPr fontId="3"/>
  </si>
  <si>
    <t>借地料年額</t>
    <rPh sb="0" eb="3">
      <t>シャクチリョウ</t>
    </rPh>
    <rPh sb="3" eb="5">
      <t>ネンガク</t>
    </rPh>
    <phoneticPr fontId="3"/>
  </si>
  <si>
    <t>円</t>
    <rPh sb="0" eb="1">
      <t>エン</t>
    </rPh>
    <phoneticPr fontId="3"/>
  </si>
  <si>
    <t>計</t>
    <rPh sb="0" eb="1">
      <t>ケイ</t>
    </rPh>
    <phoneticPr fontId="3"/>
  </si>
  <si>
    <t>※　法人監査提出資料等がある場合、整合を図ってください。</t>
    <rPh sb="2" eb="4">
      <t>ホウジン</t>
    </rPh>
    <rPh sb="4" eb="6">
      <t>カンサ</t>
    </rPh>
    <rPh sb="6" eb="8">
      <t>テイシュツ</t>
    </rPh>
    <rPh sb="8" eb="10">
      <t>シリョウ</t>
    </rPh>
    <rPh sb="10" eb="11">
      <t>トウ</t>
    </rPh>
    <rPh sb="14" eb="16">
      <t>バアイ</t>
    </rPh>
    <rPh sb="17" eb="19">
      <t>セイゴウ</t>
    </rPh>
    <rPh sb="20" eb="21">
      <t>ハカ</t>
    </rPh>
    <phoneticPr fontId="3"/>
  </si>
  <si>
    <t>イ　建物（小規模園を含む）</t>
    <rPh sb="2" eb="4">
      <t>タテモノ</t>
    </rPh>
    <phoneticPr fontId="3"/>
  </si>
  <si>
    <t>　　　　　※賃貸建物のみ記入</t>
    <rPh sb="6" eb="8">
      <t>チンタイ</t>
    </rPh>
    <rPh sb="8" eb="10">
      <t>タテモノ</t>
    </rPh>
    <rPh sb="12" eb="14">
      <t>キニュウ</t>
    </rPh>
    <phoneticPr fontId="3"/>
  </si>
  <si>
    <t>自己所有建物</t>
    <rPh sb="0" eb="2">
      <t>ジコ</t>
    </rPh>
    <rPh sb="2" eb="4">
      <t>ショユウ</t>
    </rPh>
    <rPh sb="4" eb="6">
      <t>タテモノ</t>
    </rPh>
    <phoneticPr fontId="3"/>
  </si>
  <si>
    <t>㎡</t>
    <phoneticPr fontId="3"/>
  </si>
  <si>
    <t>賃貸人</t>
    <rPh sb="0" eb="2">
      <t>チンタイ</t>
    </rPh>
    <rPh sb="2" eb="3">
      <t>ニン</t>
    </rPh>
    <phoneticPr fontId="3"/>
  </si>
  <si>
    <t>賃貸建物</t>
    <rPh sb="0" eb="2">
      <t>チンタイ</t>
    </rPh>
    <rPh sb="2" eb="4">
      <t>タテモノ</t>
    </rPh>
    <phoneticPr fontId="3"/>
  </si>
  <si>
    <t>賃料年額（税込）</t>
    <rPh sb="0" eb="2">
      <t>チンリョウ</t>
    </rPh>
    <rPh sb="2" eb="4">
      <t>ネンガク</t>
    </rPh>
    <rPh sb="5" eb="7">
      <t>ゼイコ</t>
    </rPh>
    <phoneticPr fontId="3"/>
  </si>
  <si>
    <t>２　施設の管理・運営</t>
    <rPh sb="2" eb="7">
      <t>シセツカンリ</t>
    </rPh>
    <rPh sb="8" eb="10">
      <t>ウンエイ</t>
    </rPh>
    <phoneticPr fontId="3"/>
  </si>
  <si>
    <t>（１）規程の有無</t>
    <rPh sb="3" eb="5">
      <t>キテイ</t>
    </rPh>
    <rPh sb="6" eb="8">
      <t>ウム</t>
    </rPh>
    <phoneticPr fontId="3"/>
  </si>
  <si>
    <t xml:space="preserve">    管理・運営規程</t>
    <rPh sb="4" eb="6">
      <t>カンリ</t>
    </rPh>
    <rPh sb="7" eb="9">
      <t>ウンエイ</t>
    </rPh>
    <rPh sb="9" eb="11">
      <t>キテイ</t>
    </rPh>
    <phoneticPr fontId="3"/>
  </si>
  <si>
    <t>（２）職員会議等の実施状況&lt;前年度&gt;</t>
    <rPh sb="3" eb="7">
      <t>ショクインカイギ</t>
    </rPh>
    <rPh sb="7" eb="8">
      <t>トウ</t>
    </rPh>
    <rPh sb="9" eb="11">
      <t>ジッシ</t>
    </rPh>
    <rPh sb="11" eb="13">
      <t>ジョウキョウ</t>
    </rPh>
    <rPh sb="14" eb="17">
      <t>ゼンネンド</t>
    </rPh>
    <phoneticPr fontId="3"/>
  </si>
  <si>
    <t>　会　議　の　名　称</t>
    <rPh sb="1" eb="4">
      <t>カイギ</t>
    </rPh>
    <rPh sb="7" eb="10">
      <t>メイショウ</t>
    </rPh>
    <phoneticPr fontId="3"/>
  </si>
  <si>
    <t>参加職員</t>
    <rPh sb="0" eb="2">
      <t>サンカ</t>
    </rPh>
    <rPh sb="2" eb="4">
      <t>ショクイン</t>
    </rPh>
    <phoneticPr fontId="3"/>
  </si>
  <si>
    <t>実施状況</t>
    <rPh sb="0" eb="2">
      <t>ジッシ</t>
    </rPh>
    <rPh sb="2" eb="4">
      <t>ジョウキョウ</t>
    </rPh>
    <phoneticPr fontId="3"/>
  </si>
  <si>
    <t>主　な　内　容</t>
    <rPh sb="0" eb="1">
      <t>オモ</t>
    </rPh>
    <rPh sb="4" eb="7">
      <t>ナイヨウ</t>
    </rPh>
    <phoneticPr fontId="3"/>
  </si>
  <si>
    <t>　※　職員会議、指導（ケース）会議、給食会議等、各種会議について記入してください。</t>
    <rPh sb="3" eb="7">
      <t>ショクインカイギ</t>
    </rPh>
    <rPh sb="8" eb="10">
      <t>シドウ</t>
    </rPh>
    <rPh sb="15" eb="17">
      <t>カイギ</t>
    </rPh>
    <rPh sb="18" eb="20">
      <t>キュウショク</t>
    </rPh>
    <rPh sb="20" eb="22">
      <t>カイギ</t>
    </rPh>
    <rPh sb="22" eb="23">
      <t>トウ</t>
    </rPh>
    <rPh sb="24" eb="26">
      <t>カクシュ</t>
    </rPh>
    <rPh sb="26" eb="28">
      <t>カイギ</t>
    </rPh>
    <rPh sb="32" eb="34">
      <t>キニュウ</t>
    </rPh>
    <phoneticPr fontId="3"/>
  </si>
  <si>
    <t>　　　　「参加職員」は、「全職員」「指導員」等と記入してください。</t>
    <rPh sb="5" eb="7">
      <t>サンカ</t>
    </rPh>
    <rPh sb="7" eb="9">
      <t>ショクイン</t>
    </rPh>
    <rPh sb="13" eb="16">
      <t>ゼンショクイン</t>
    </rPh>
    <rPh sb="18" eb="21">
      <t>シドウイン</t>
    </rPh>
    <rPh sb="22" eb="23">
      <t>トウ</t>
    </rPh>
    <rPh sb="24" eb="26">
      <t>キニュウ</t>
    </rPh>
    <phoneticPr fontId="3"/>
  </si>
  <si>
    <t>　　　　「実施状況」は、「２回／年」「２回／月」等と記入してください。</t>
    <rPh sb="5" eb="9">
      <t>ジッシジョウキョウ</t>
    </rPh>
    <rPh sb="13" eb="15">
      <t>ニカイ</t>
    </rPh>
    <rPh sb="16" eb="17">
      <t>ネン</t>
    </rPh>
    <rPh sb="20" eb="21">
      <t>カイ</t>
    </rPh>
    <rPh sb="22" eb="23">
      <t>ツキ</t>
    </rPh>
    <rPh sb="24" eb="25">
      <t>トウ</t>
    </rPh>
    <rPh sb="26" eb="28">
      <t>キニュウ</t>
    </rPh>
    <phoneticPr fontId="3"/>
  </si>
  <si>
    <t>（３）入所者自治会、家族会組織等の状況</t>
    <rPh sb="3" eb="6">
      <t>ニュウショシャ</t>
    </rPh>
    <rPh sb="6" eb="9">
      <t>ジチカイ</t>
    </rPh>
    <rPh sb="10" eb="15">
      <t>カゾクカイギ</t>
    </rPh>
    <rPh sb="15" eb="16">
      <t>トウ</t>
    </rPh>
    <rPh sb="17" eb="19">
      <t>ジョウキョウ</t>
    </rPh>
    <phoneticPr fontId="3"/>
  </si>
  <si>
    <t>会　の　名　称</t>
    <rPh sb="0" eb="1">
      <t>カイ</t>
    </rPh>
    <rPh sb="4" eb="7">
      <t>メイショウ</t>
    </rPh>
    <phoneticPr fontId="3"/>
  </si>
  <si>
    <t>会員数</t>
    <rPh sb="0" eb="3">
      <t>カイインスウ</t>
    </rPh>
    <phoneticPr fontId="3"/>
  </si>
  <si>
    <t>会計徴収額（月額）</t>
    <rPh sb="0" eb="2">
      <t>カイケイ</t>
    </rPh>
    <rPh sb="2" eb="5">
      <t>チョウシュウガク</t>
    </rPh>
    <rPh sb="6" eb="8">
      <t>ゲツガク</t>
    </rPh>
    <phoneticPr fontId="3"/>
  </si>
  <si>
    <t>人</t>
    <rPh sb="0" eb="1">
      <t>ヒト</t>
    </rPh>
    <phoneticPr fontId="3"/>
  </si>
  <si>
    <t>（４）入所者、家族等からの意見・要望の反映について</t>
    <rPh sb="3" eb="6">
      <t>ニュウショシャ</t>
    </rPh>
    <rPh sb="7" eb="9">
      <t>カゾク</t>
    </rPh>
    <rPh sb="9" eb="10">
      <t>トウ</t>
    </rPh>
    <rPh sb="13" eb="15">
      <t>イケン</t>
    </rPh>
    <rPh sb="16" eb="18">
      <t>ヨウボウ</t>
    </rPh>
    <rPh sb="19" eb="21">
      <t>ハンエイ</t>
    </rPh>
    <phoneticPr fontId="3"/>
  </si>
  <si>
    <t>○意見・要望への具体的な対応事例</t>
    <rPh sb="1" eb="3">
      <t>イケン</t>
    </rPh>
    <rPh sb="4" eb="6">
      <t>ヨウボウ</t>
    </rPh>
    <rPh sb="8" eb="11">
      <t>グタイテキ</t>
    </rPh>
    <rPh sb="12" eb="14">
      <t>タイオウ</t>
    </rPh>
    <rPh sb="14" eb="16">
      <t>ジレイ</t>
    </rPh>
    <phoneticPr fontId="3"/>
  </si>
  <si>
    <t>３　保険加入の状況</t>
    <rPh sb="2" eb="4">
      <t>ホケン</t>
    </rPh>
    <rPh sb="4" eb="6">
      <t>カニュウ</t>
    </rPh>
    <rPh sb="7" eb="9">
      <t>ジョウキョウ</t>
    </rPh>
    <phoneticPr fontId="4"/>
  </si>
  <si>
    <t>４　衛生管理者等の選任</t>
    <rPh sb="2" eb="4">
      <t>エイセイ</t>
    </rPh>
    <rPh sb="4" eb="6">
      <t>カンリ</t>
    </rPh>
    <rPh sb="6" eb="7">
      <t>シャ</t>
    </rPh>
    <rPh sb="7" eb="8">
      <t>トウ</t>
    </rPh>
    <rPh sb="9" eb="11">
      <t>センニン</t>
    </rPh>
    <phoneticPr fontId="4"/>
  </si>
  <si>
    <t>５０人以上の事業場</t>
    <rPh sb="0" eb="3">
      <t>ゴジュウニン</t>
    </rPh>
    <rPh sb="3" eb="5">
      <t>イジョウ</t>
    </rPh>
    <rPh sb="6" eb="8">
      <t>ジギョウ</t>
    </rPh>
    <rPh sb="8" eb="9">
      <t>バ</t>
    </rPh>
    <phoneticPr fontId="3"/>
  </si>
  <si>
    <t>心理的な負担の程度を把握するための検査結果等報告書の提出</t>
    <rPh sb="26" eb="28">
      <t>テイシュツ</t>
    </rPh>
    <phoneticPr fontId="4"/>
  </si>
  <si>
    <t>１０～４９人の事業場</t>
    <rPh sb="3" eb="6">
      <t>ヨンジュウクニン</t>
    </rPh>
    <rPh sb="7" eb="9">
      <t>ジギョウ</t>
    </rPh>
    <rPh sb="9" eb="10">
      <t>バ</t>
    </rPh>
    <phoneticPr fontId="3"/>
  </si>
  <si>
    <t>５　飲料水の管理状況</t>
    <phoneticPr fontId="3"/>
  </si>
  <si>
    <t>水　道　水</t>
    <rPh sb="0" eb="5">
      <t>スイドウスイ</t>
    </rPh>
    <phoneticPr fontId="4"/>
  </si>
  <si>
    <t>受水槽の容量</t>
  </si>
  <si>
    <t>清掃及び検査実施業務</t>
  </si>
  <si>
    <t>受水槽の清掃実施</t>
  </si>
  <si>
    <t>水質検査の実施</t>
  </si>
  <si>
    <t>保健所の指導</t>
  </si>
  <si>
    <t>井　戸　水　　　　　　　　　　　　　(簡易水道)</t>
    <rPh sb="0" eb="5">
      <t>イドミズ</t>
    </rPh>
    <rPh sb="19" eb="21">
      <t>カンイ</t>
    </rPh>
    <rPh sb="21" eb="23">
      <t>スイドウ</t>
    </rPh>
    <phoneticPr fontId="4"/>
  </si>
  <si>
    <t>井戸水の検査の有無</t>
  </si>
  <si>
    <t>検査証の有無</t>
  </si>
  <si>
    <t>飲料水としての適否</t>
  </si>
  <si>
    <t>６　レジオネラ症防止対策について</t>
    <rPh sb="7" eb="8">
      <t>ショウ</t>
    </rPh>
    <rPh sb="8" eb="10">
      <t>ボウシ</t>
    </rPh>
    <rPh sb="10" eb="12">
      <t>タイサク</t>
    </rPh>
    <phoneticPr fontId="3"/>
  </si>
  <si>
    <t>　循環式浴槽の使用</t>
    <rPh sb="1" eb="3">
      <t>ジュンカン</t>
    </rPh>
    <rPh sb="3" eb="4">
      <t>シキ</t>
    </rPh>
    <rPh sb="4" eb="6">
      <t>ヨクソウ</t>
    </rPh>
    <rPh sb="7" eb="9">
      <t>シヨウ</t>
    </rPh>
    <phoneticPr fontId="3"/>
  </si>
  <si>
    <t>＊有の場合のみ、下記の質問に答えてください。</t>
    <rPh sb="1" eb="2">
      <t>ア</t>
    </rPh>
    <rPh sb="3" eb="5">
      <t>バアイ</t>
    </rPh>
    <rPh sb="8" eb="10">
      <t>カキ</t>
    </rPh>
    <rPh sb="11" eb="13">
      <t>シツモン</t>
    </rPh>
    <rPh sb="14" eb="15">
      <t>コタ</t>
    </rPh>
    <phoneticPr fontId="3"/>
  </si>
  <si>
    <t>　使用方法</t>
    <rPh sb="1" eb="3">
      <t>シヨウ</t>
    </rPh>
    <rPh sb="3" eb="5">
      <t>ホウホウ</t>
    </rPh>
    <phoneticPr fontId="3"/>
  </si>
  <si>
    <t>　浴槽水の消毒</t>
    <rPh sb="1" eb="3">
      <t>ヨクソウ</t>
    </rPh>
    <rPh sb="3" eb="4">
      <t>スイ</t>
    </rPh>
    <rPh sb="5" eb="7">
      <t>ショウドク</t>
    </rPh>
    <phoneticPr fontId="3"/>
  </si>
  <si>
    <t>　水質検査</t>
    <rPh sb="1" eb="3">
      <t>スイシツ</t>
    </rPh>
    <rPh sb="3" eb="5">
      <t>ケンサ</t>
    </rPh>
    <phoneticPr fontId="3"/>
  </si>
  <si>
    <t>　　１年に（　　　）回</t>
    <rPh sb="3" eb="4">
      <t>ネン</t>
    </rPh>
    <rPh sb="10" eb="11">
      <t>カイ</t>
    </rPh>
    <phoneticPr fontId="3"/>
  </si>
  <si>
    <t>　管理方法</t>
    <rPh sb="1" eb="3">
      <t>カンリ</t>
    </rPh>
    <rPh sb="3" eb="5">
      <t>ホウホウ</t>
    </rPh>
    <phoneticPr fontId="3"/>
  </si>
  <si>
    <t>　毎日、完全に排水をしている施設</t>
    <rPh sb="1" eb="3">
      <t>マイニチ</t>
    </rPh>
    <rPh sb="4" eb="6">
      <t>カンゼン</t>
    </rPh>
    <rPh sb="7" eb="9">
      <t>ハイスイ</t>
    </rPh>
    <rPh sb="14" eb="16">
      <t>シセツ</t>
    </rPh>
    <phoneticPr fontId="3"/>
  </si>
  <si>
    <t>　清掃</t>
    <rPh sb="1" eb="3">
      <t>セイソウ</t>
    </rPh>
    <phoneticPr fontId="3"/>
  </si>
  <si>
    <t>　　　（　　　　）日に（　　　　）回</t>
    <rPh sb="9" eb="10">
      <t>ニチ</t>
    </rPh>
    <rPh sb="17" eb="18">
      <t>カイ</t>
    </rPh>
    <phoneticPr fontId="3"/>
  </si>
  <si>
    <t>　消毒</t>
    <rPh sb="1" eb="3">
      <t>ショウドク</t>
    </rPh>
    <phoneticPr fontId="3"/>
  </si>
  <si>
    <t>　連日使用している施設</t>
    <rPh sb="1" eb="3">
      <t>レンジツ</t>
    </rPh>
    <rPh sb="3" eb="5">
      <t>シヨウ</t>
    </rPh>
    <rPh sb="9" eb="11">
      <t>シセツ</t>
    </rPh>
    <phoneticPr fontId="3"/>
  </si>
  <si>
    <t>　完全換水</t>
    <rPh sb="1" eb="3">
      <t>カンゼン</t>
    </rPh>
    <rPh sb="3" eb="4">
      <t>カン</t>
    </rPh>
    <rPh sb="4" eb="5">
      <t>スイ</t>
    </rPh>
    <phoneticPr fontId="3"/>
  </si>
  <si>
    <t>記録</t>
    <rPh sb="0" eb="2">
      <t>キロク</t>
    </rPh>
    <phoneticPr fontId="3"/>
  </si>
  <si>
    <t>（５）夜間等非常時の連絡体制</t>
    <rPh sb="3" eb="5">
      <t>ヤカン</t>
    </rPh>
    <rPh sb="5" eb="6">
      <t>トウ</t>
    </rPh>
    <rPh sb="6" eb="9">
      <t>ヒジョウジ</t>
    </rPh>
    <rPh sb="10" eb="12">
      <t>レンラク</t>
    </rPh>
    <rPh sb="12" eb="14">
      <t>タイセイ</t>
    </rPh>
    <phoneticPr fontId="3"/>
  </si>
  <si>
    <t>　を提出してください。</t>
    <rPh sb="2" eb="4">
      <t>テイシュツ</t>
    </rPh>
    <phoneticPr fontId="4"/>
  </si>
  <si>
    <t>（６）防災対策としての近隣自治会等との連携状況</t>
    <rPh sb="3" eb="5">
      <t>ボウサイ</t>
    </rPh>
    <rPh sb="5" eb="7">
      <t>タイサク</t>
    </rPh>
    <rPh sb="11" eb="13">
      <t>キンリン</t>
    </rPh>
    <rPh sb="13" eb="16">
      <t>ジチカイ</t>
    </rPh>
    <rPh sb="16" eb="17">
      <t>トウ</t>
    </rPh>
    <rPh sb="19" eb="21">
      <t>レンケイ</t>
    </rPh>
    <rPh sb="21" eb="23">
      <t>ジョウキョウ</t>
    </rPh>
    <phoneticPr fontId="4"/>
  </si>
  <si>
    <t>（７）消防署の立入検査の状況（前年度以降、直近）</t>
    <rPh sb="3" eb="6">
      <t>ショウボウショ</t>
    </rPh>
    <rPh sb="7" eb="9">
      <t>タチイリ</t>
    </rPh>
    <rPh sb="9" eb="11">
      <t>ケンサ</t>
    </rPh>
    <rPh sb="12" eb="14">
      <t>ジョウキョウ</t>
    </rPh>
    <rPh sb="15" eb="18">
      <t>ゼンネンド</t>
    </rPh>
    <rPh sb="18" eb="20">
      <t>イコウ</t>
    </rPh>
    <rPh sb="21" eb="23">
      <t>チョッキン</t>
    </rPh>
    <phoneticPr fontId="3"/>
  </si>
  <si>
    <t>検査実施年月日</t>
    <rPh sb="0" eb="2">
      <t>ケンサ</t>
    </rPh>
    <rPh sb="2" eb="4">
      <t>ジッシ</t>
    </rPh>
    <rPh sb="4" eb="7">
      <t>ネンガッピ</t>
    </rPh>
    <phoneticPr fontId="3"/>
  </si>
  <si>
    <t>指導・指示等の状況</t>
    <rPh sb="0" eb="2">
      <t>シドウ</t>
    </rPh>
    <rPh sb="3" eb="5">
      <t>シジ</t>
    </rPh>
    <rPh sb="5" eb="6">
      <t>トウ</t>
    </rPh>
    <rPh sb="7" eb="9">
      <t>ジョウキョウ</t>
    </rPh>
    <phoneticPr fontId="3"/>
  </si>
  <si>
    <t>文書：</t>
    <rPh sb="0" eb="2">
      <t>ブンショ</t>
    </rPh>
    <phoneticPr fontId="3"/>
  </si>
  <si>
    <t>口頭：</t>
    <rPh sb="0" eb="2">
      <t>コウトウ</t>
    </rPh>
    <phoneticPr fontId="3"/>
  </si>
  <si>
    <t>回答年月日</t>
    <rPh sb="0" eb="2">
      <t>カイトウ</t>
    </rPh>
    <rPh sb="2" eb="5">
      <t>ネンガッピ</t>
    </rPh>
    <phoneticPr fontId="3"/>
  </si>
  <si>
    <t>回答の内容</t>
    <rPh sb="0" eb="2">
      <t>カイトウ</t>
    </rPh>
    <rPh sb="3" eb="5">
      <t>ナイヨウ</t>
    </rPh>
    <phoneticPr fontId="3"/>
  </si>
  <si>
    <t>（８）災害対策</t>
    <rPh sb="3" eb="5">
      <t>サイガイ</t>
    </rPh>
    <rPh sb="5" eb="7">
      <t>タイサク</t>
    </rPh>
    <phoneticPr fontId="3"/>
  </si>
  <si>
    <t>ア　災害対応マニュアル（火災･地震以外）の作成状況</t>
    <rPh sb="2" eb="4">
      <t>サイガイ</t>
    </rPh>
    <rPh sb="4" eb="6">
      <t>タイオウ</t>
    </rPh>
    <rPh sb="12" eb="14">
      <t>カサイ</t>
    </rPh>
    <rPh sb="15" eb="17">
      <t>ジシン</t>
    </rPh>
    <rPh sb="17" eb="19">
      <t>イガイ</t>
    </rPh>
    <rPh sb="21" eb="23">
      <t>サクセイ</t>
    </rPh>
    <rPh sb="23" eb="25">
      <t>ジョウキョウ</t>
    </rPh>
    <phoneticPr fontId="4"/>
  </si>
  <si>
    <t>※該当区域にある施設は、義務化されています（H29.5.水防法等改正）</t>
    <rPh sb="1" eb="3">
      <t>ガイトウ</t>
    </rPh>
    <rPh sb="3" eb="5">
      <t>クイキ</t>
    </rPh>
    <rPh sb="8" eb="10">
      <t>シセツ</t>
    </rPh>
    <rPh sb="12" eb="15">
      <t>ギムカ</t>
    </rPh>
    <rPh sb="28" eb="30">
      <t>スイボウ</t>
    </rPh>
    <rPh sb="29" eb="30">
      <t>マサミズ</t>
    </rPh>
    <rPh sb="30" eb="32">
      <t>ホウナド</t>
    </rPh>
    <rPh sb="32" eb="34">
      <t>カイセイ</t>
    </rPh>
    <phoneticPr fontId="3"/>
  </si>
  <si>
    <t>イ　非常食品備蓄状況</t>
    <rPh sb="2" eb="4">
      <t>ヒジョウ</t>
    </rPh>
    <rPh sb="4" eb="6">
      <t>ショクヒン</t>
    </rPh>
    <rPh sb="6" eb="8">
      <t>ビチク</t>
    </rPh>
    <rPh sb="8" eb="10">
      <t>ジョウキョウ</t>
    </rPh>
    <phoneticPr fontId="3"/>
  </si>
  <si>
    <t>食　　数</t>
    <rPh sb="0" eb="1">
      <t>ショク</t>
    </rPh>
    <rPh sb="3" eb="4">
      <t>スウ</t>
    </rPh>
    <phoneticPr fontId="3"/>
  </si>
  <si>
    <t>　　人　×</t>
    <rPh sb="2" eb="3">
      <t>ニン</t>
    </rPh>
    <phoneticPr fontId="3"/>
  </si>
  <si>
    <t>日分</t>
    <rPh sb="0" eb="2">
      <t>ニチブン</t>
    </rPh>
    <phoneticPr fontId="3"/>
  </si>
  <si>
    <t>非常食用献立</t>
    <rPh sb="0" eb="3">
      <t>ヒジョウショク</t>
    </rPh>
    <rPh sb="3" eb="4">
      <t>ヨウ</t>
    </rPh>
    <rPh sb="4" eb="6">
      <t>コンダテ</t>
    </rPh>
    <phoneticPr fontId="3"/>
  </si>
  <si>
    <t>食品名</t>
    <rPh sb="0" eb="1">
      <t>ショク</t>
    </rPh>
    <rPh sb="1" eb="3">
      <t>ヒンメイ</t>
    </rPh>
    <phoneticPr fontId="3"/>
  </si>
  <si>
    <t>形態</t>
    <rPh sb="0" eb="2">
      <t>ケイタイ</t>
    </rPh>
    <phoneticPr fontId="3"/>
  </si>
  <si>
    <t>数量（ｇ×個）</t>
    <rPh sb="0" eb="2">
      <t>スウリョウ</t>
    </rPh>
    <rPh sb="5" eb="6">
      <t>コ</t>
    </rPh>
    <phoneticPr fontId="3"/>
  </si>
  <si>
    <t>製造年月日</t>
    <rPh sb="0" eb="2">
      <t>セイゾウ</t>
    </rPh>
    <rPh sb="2" eb="5">
      <t>ネンガッピ</t>
    </rPh>
    <phoneticPr fontId="3"/>
  </si>
  <si>
    <t>賞味期限</t>
    <rPh sb="0" eb="4">
      <t>ショウミキゲン</t>
    </rPh>
    <phoneticPr fontId="3"/>
  </si>
  <si>
    <t>　※　施設で作成している同様の資料等があれば、代替資料として添付してください</t>
    <rPh sb="3" eb="5">
      <t>シセツ</t>
    </rPh>
    <rPh sb="6" eb="8">
      <t>サクセイ</t>
    </rPh>
    <rPh sb="12" eb="14">
      <t>ドウヨウ</t>
    </rPh>
    <rPh sb="15" eb="17">
      <t>シリョウ</t>
    </rPh>
    <rPh sb="17" eb="18">
      <t>トウ</t>
    </rPh>
    <rPh sb="23" eb="25">
      <t>ダイガエ</t>
    </rPh>
    <rPh sb="25" eb="27">
      <t>シリョウ</t>
    </rPh>
    <rPh sb="30" eb="32">
      <t>テンプ</t>
    </rPh>
    <phoneticPr fontId="3"/>
  </si>
  <si>
    <t>ウ　非常用物品（燃料・医薬品等）備蓄状況</t>
    <rPh sb="2" eb="5">
      <t>ヒジョウヨウ</t>
    </rPh>
    <rPh sb="5" eb="7">
      <t>ブッピン</t>
    </rPh>
    <rPh sb="8" eb="10">
      <t>ネンリョウ</t>
    </rPh>
    <rPh sb="11" eb="14">
      <t>イヤクヒン</t>
    </rPh>
    <rPh sb="14" eb="15">
      <t>トウ</t>
    </rPh>
    <rPh sb="16" eb="18">
      <t>ビチク</t>
    </rPh>
    <rPh sb="18" eb="20">
      <t>ジョウキョウ</t>
    </rPh>
    <phoneticPr fontId="3"/>
  </si>
  <si>
    <t>品　名</t>
    <rPh sb="0" eb="3">
      <t>ヒンメイ</t>
    </rPh>
    <phoneticPr fontId="3"/>
  </si>
  <si>
    <t>形　態</t>
    <rPh sb="0" eb="3">
      <t>ケイタイ</t>
    </rPh>
    <phoneticPr fontId="3"/>
  </si>
  <si>
    <t>数　量（個）</t>
    <rPh sb="0" eb="3">
      <t>スウリョウ</t>
    </rPh>
    <rPh sb="4" eb="5">
      <t>コ</t>
    </rPh>
    <phoneticPr fontId="3"/>
  </si>
  <si>
    <t>（９）管理宿直の状況</t>
    <rPh sb="3" eb="5">
      <t>カンリ</t>
    </rPh>
    <rPh sb="5" eb="7">
      <t>シュクチョク</t>
    </rPh>
    <rPh sb="8" eb="10">
      <t>ジョウキョウ</t>
    </rPh>
    <phoneticPr fontId="4"/>
  </si>
  <si>
    <t>宿直の種類と人数</t>
    <rPh sb="0" eb="2">
      <t>シュクチョク</t>
    </rPh>
    <rPh sb="3" eb="5">
      <t>シュルイ</t>
    </rPh>
    <rPh sb="6" eb="8">
      <t>ニンズウ</t>
    </rPh>
    <phoneticPr fontId="3"/>
  </si>
  <si>
    <t>宿直職員</t>
    <rPh sb="0" eb="2">
      <t>シュクチョク</t>
    </rPh>
    <rPh sb="2" eb="4">
      <t>ショクイン</t>
    </rPh>
    <phoneticPr fontId="3"/>
  </si>
  <si>
    <t>施設職員</t>
    <rPh sb="0" eb="2">
      <t>シセツ</t>
    </rPh>
    <rPh sb="2" eb="4">
      <t>ショクイン</t>
    </rPh>
    <phoneticPr fontId="3"/>
  </si>
  <si>
    <t>人</t>
    <rPh sb="0" eb="1">
      <t>ヒト</t>
    </rPh>
    <phoneticPr fontId="4"/>
  </si>
  <si>
    <t>人</t>
    <rPh sb="0" eb="1">
      <t>ニン</t>
    </rPh>
    <phoneticPr fontId="4"/>
  </si>
  <si>
    <t>その他</t>
    <rPh sb="2" eb="3">
      <t>ホカ</t>
    </rPh>
    <phoneticPr fontId="4"/>
  </si>
  <si>
    <t>委　託</t>
    <rPh sb="0" eb="3">
      <t>イタク</t>
    </rPh>
    <phoneticPr fontId="3"/>
  </si>
  <si>
    <t>委託先</t>
    <rPh sb="0" eb="2">
      <t>イタク</t>
    </rPh>
    <rPh sb="2" eb="3">
      <t>サキ</t>
    </rPh>
    <phoneticPr fontId="4"/>
  </si>
  <si>
    <t>委託契約</t>
    <rPh sb="0" eb="4">
      <t>イタクケイヤク</t>
    </rPh>
    <phoneticPr fontId="3"/>
  </si>
  <si>
    <t>　有　（　　　　　　円　／ 年 ）　　・　無</t>
    <phoneticPr fontId="4"/>
  </si>
  <si>
    <t>　業務内容</t>
    <rPh sb="1" eb="3">
      <t>ギョウム</t>
    </rPh>
    <rPh sb="3" eb="5">
      <t>ナイヨウ</t>
    </rPh>
    <phoneticPr fontId="3"/>
  </si>
  <si>
    <t>巡回時間</t>
    <rPh sb="0" eb="2">
      <t>ジュンカイ</t>
    </rPh>
    <rPh sb="2" eb="4">
      <t>ジカン</t>
    </rPh>
    <phoneticPr fontId="3"/>
  </si>
  <si>
    <t>勤務形態</t>
    <rPh sb="0" eb="2">
      <t>キンム</t>
    </rPh>
    <rPh sb="2" eb="4">
      <t>ケイタイ</t>
    </rPh>
    <phoneticPr fontId="3"/>
  </si>
  <si>
    <t>業務日誌</t>
    <rPh sb="0" eb="4">
      <t>ギョウムニッシ</t>
    </rPh>
    <phoneticPr fontId="3"/>
  </si>
  <si>
    <t>　非常時の役割</t>
    <rPh sb="1" eb="4">
      <t>ヒジョウジ</t>
    </rPh>
    <rPh sb="5" eb="7">
      <t>ヤクワリ</t>
    </rPh>
    <phoneticPr fontId="3"/>
  </si>
  <si>
    <t>（具体的に記載）</t>
    <rPh sb="1" eb="4">
      <t>グタイテキ</t>
    </rPh>
    <rPh sb="5" eb="7">
      <t>キサイ</t>
    </rPh>
    <phoneticPr fontId="4"/>
  </si>
  <si>
    <t>防災訓練等への参加</t>
    <rPh sb="0" eb="2">
      <t>ボウサイ</t>
    </rPh>
    <rPh sb="2" eb="4">
      <t>クンレン</t>
    </rPh>
    <rPh sb="4" eb="5">
      <t>トウ</t>
    </rPh>
    <rPh sb="7" eb="9">
      <t>サンカ</t>
    </rPh>
    <phoneticPr fontId="4"/>
  </si>
  <si>
    <t>　※　直接処遇職員の夜勤（宿直）とは別に宿直者を置く場合に記入してください。</t>
    <rPh sb="3" eb="5">
      <t>チョクセツ</t>
    </rPh>
    <rPh sb="5" eb="7">
      <t>ショグウ</t>
    </rPh>
    <rPh sb="7" eb="9">
      <t>ショクイン</t>
    </rPh>
    <rPh sb="10" eb="12">
      <t>ヤキン</t>
    </rPh>
    <rPh sb="13" eb="15">
      <t>シュクチョク</t>
    </rPh>
    <rPh sb="18" eb="19">
      <t>ベツ</t>
    </rPh>
    <rPh sb="20" eb="23">
      <t>シュクチョクシャ</t>
    </rPh>
    <rPh sb="24" eb="25">
      <t>オ</t>
    </rPh>
    <rPh sb="26" eb="28">
      <t>バアイ</t>
    </rPh>
    <rPh sb="29" eb="31">
      <t>キニュウ</t>
    </rPh>
    <phoneticPr fontId="3"/>
  </si>
  <si>
    <t>　※　「勤務形態」の記入例</t>
    <rPh sb="4" eb="6">
      <t>キンム</t>
    </rPh>
    <rPh sb="6" eb="8">
      <t>ケイタイ</t>
    </rPh>
    <rPh sb="10" eb="12">
      <t>キニュウ</t>
    </rPh>
    <rPh sb="12" eb="13">
      <t>レイ</t>
    </rPh>
    <phoneticPr fontId="3"/>
  </si>
  <si>
    <t>　　　　　　（例）　パート：月曜日から土曜日　　職員：日曜日のみ３人が交代で勤務</t>
    <rPh sb="7" eb="8">
      <t>レイ</t>
    </rPh>
    <rPh sb="14" eb="17">
      <t>ゲツヨウビ</t>
    </rPh>
    <rPh sb="19" eb="22">
      <t>ドヨウビ</t>
    </rPh>
    <rPh sb="24" eb="26">
      <t>ショクイン</t>
    </rPh>
    <rPh sb="27" eb="30">
      <t>ニチヨウビ</t>
    </rPh>
    <rPh sb="32" eb="34">
      <t>サンニン</t>
    </rPh>
    <rPh sb="35" eb="37">
      <t>コウタイ</t>
    </rPh>
    <rPh sb="38" eb="40">
      <t>キンム</t>
    </rPh>
    <phoneticPr fontId="3"/>
  </si>
  <si>
    <t>　　　　　　（例）　◇◇警備保障が毎日管理</t>
    <rPh sb="7" eb="8">
      <t>レイ</t>
    </rPh>
    <rPh sb="12" eb="14">
      <t>ケイビ</t>
    </rPh>
    <rPh sb="14" eb="16">
      <t>ホショウ</t>
    </rPh>
    <rPh sb="17" eb="19">
      <t>マイニチ</t>
    </rPh>
    <rPh sb="19" eb="21">
      <t>カンリ</t>
    </rPh>
    <phoneticPr fontId="3"/>
  </si>
  <si>
    <t>（10） 断続的な宿直又は日直勤務の状況</t>
    <rPh sb="5" eb="8">
      <t>ダンゾクテキ</t>
    </rPh>
    <rPh sb="9" eb="11">
      <t>シュクチョク</t>
    </rPh>
    <rPh sb="11" eb="12">
      <t>マタ</t>
    </rPh>
    <rPh sb="13" eb="15">
      <t>ニッチョク</t>
    </rPh>
    <rPh sb="15" eb="17">
      <t>キンム</t>
    </rPh>
    <rPh sb="18" eb="20">
      <t>ジョウキョウ</t>
    </rPh>
    <phoneticPr fontId="4"/>
  </si>
  <si>
    <t>管轄監督署</t>
    <rPh sb="0" eb="2">
      <t>カンカツ</t>
    </rPh>
    <rPh sb="2" eb="4">
      <t>カントク</t>
    </rPh>
    <rPh sb="4" eb="5">
      <t>ショ</t>
    </rPh>
    <phoneticPr fontId="4"/>
  </si>
  <si>
    <t>労働基準監督署</t>
    <rPh sb="0" eb="2">
      <t>ロウドウ</t>
    </rPh>
    <rPh sb="2" eb="4">
      <t>キジュン</t>
    </rPh>
    <rPh sb="4" eb="6">
      <t>カントク</t>
    </rPh>
    <rPh sb="6" eb="7">
      <t>ショ</t>
    </rPh>
    <phoneticPr fontId="4"/>
  </si>
  <si>
    <t>許可年月日</t>
    <rPh sb="0" eb="2">
      <t>キョカ</t>
    </rPh>
    <rPh sb="2" eb="4">
      <t>ネンゲツ</t>
    </rPh>
    <rPh sb="4" eb="5">
      <t>ビ</t>
    </rPh>
    <phoneticPr fontId="4"/>
  </si>
  <si>
    <t>　　　　　　年　　月　　日</t>
    <rPh sb="6" eb="7">
      <t>ネン</t>
    </rPh>
    <rPh sb="9" eb="10">
      <t>ツキ</t>
    </rPh>
    <rPh sb="12" eb="13">
      <t>ニチ</t>
    </rPh>
    <phoneticPr fontId="4"/>
  </si>
  <si>
    <t>宿直総員数</t>
    <rPh sb="0" eb="2">
      <t>シュクチョク</t>
    </rPh>
    <rPh sb="2" eb="4">
      <t>ソウイン</t>
    </rPh>
    <rPh sb="4" eb="5">
      <t>スウ</t>
    </rPh>
    <phoneticPr fontId="4"/>
  </si>
  <si>
    <t>１回の宿直員数</t>
    <rPh sb="1" eb="2">
      <t>カイ</t>
    </rPh>
    <rPh sb="3" eb="5">
      <t>シュクチョク</t>
    </rPh>
    <rPh sb="5" eb="7">
      <t>インスウ</t>
    </rPh>
    <phoneticPr fontId="4"/>
  </si>
  <si>
    <t>宿直勤務の開始及び終了時刻</t>
    <rPh sb="0" eb="2">
      <t>シュクチョク</t>
    </rPh>
    <rPh sb="2" eb="4">
      <t>キンム</t>
    </rPh>
    <rPh sb="5" eb="7">
      <t>カイシ</t>
    </rPh>
    <rPh sb="7" eb="8">
      <t>オヨ</t>
    </rPh>
    <rPh sb="9" eb="11">
      <t>シュウリョウ</t>
    </rPh>
    <rPh sb="11" eb="13">
      <t>ジコク</t>
    </rPh>
    <phoneticPr fontId="4"/>
  </si>
  <si>
    <t>　　　　　　時　　　分から　　　　時　　　　分まで</t>
    <rPh sb="6" eb="7">
      <t>ジ</t>
    </rPh>
    <rPh sb="10" eb="11">
      <t>フン</t>
    </rPh>
    <rPh sb="17" eb="18">
      <t>ジ</t>
    </rPh>
    <rPh sb="22" eb="23">
      <t>フン</t>
    </rPh>
    <phoneticPr fontId="4"/>
  </si>
  <si>
    <t>一定の期間における１人の宿直回数</t>
    <rPh sb="0" eb="2">
      <t>イッテイ</t>
    </rPh>
    <rPh sb="3" eb="5">
      <t>キカン</t>
    </rPh>
    <rPh sb="9" eb="11">
      <t>ヒトリ</t>
    </rPh>
    <rPh sb="12" eb="14">
      <t>シュクチョク</t>
    </rPh>
    <rPh sb="14" eb="16">
      <t>カイスウ</t>
    </rPh>
    <phoneticPr fontId="4"/>
  </si>
  <si>
    <t>　週間に　　　　回</t>
    <rPh sb="1" eb="3">
      <t>シュウカン</t>
    </rPh>
    <rPh sb="8" eb="9">
      <t>カイ</t>
    </rPh>
    <phoneticPr fontId="4"/>
  </si>
  <si>
    <t>１回の宿直手当</t>
    <rPh sb="1" eb="2">
      <t>カイ</t>
    </rPh>
    <rPh sb="3" eb="5">
      <t>シュクチョク</t>
    </rPh>
    <rPh sb="5" eb="7">
      <t>テアテ</t>
    </rPh>
    <phoneticPr fontId="4"/>
  </si>
  <si>
    <t>　　　円</t>
    <rPh sb="3" eb="4">
      <t>エン</t>
    </rPh>
    <phoneticPr fontId="4"/>
  </si>
  <si>
    <t>（11）施設安全管理体制への取組み状況</t>
    <rPh sb="4" eb="6">
      <t>シセツ</t>
    </rPh>
    <rPh sb="6" eb="8">
      <t>アンゼン</t>
    </rPh>
    <rPh sb="8" eb="10">
      <t>カンリ</t>
    </rPh>
    <rPh sb="10" eb="12">
      <t>タイセイ</t>
    </rPh>
    <rPh sb="14" eb="16">
      <t>トリク</t>
    </rPh>
    <rPh sb="17" eb="19">
      <t>ジョウキョウ</t>
    </rPh>
    <phoneticPr fontId="4"/>
  </si>
  <si>
    <t>取組有無</t>
    <rPh sb="0" eb="2">
      <t>トリク</t>
    </rPh>
    <rPh sb="2" eb="4">
      <t>ウム</t>
    </rPh>
    <phoneticPr fontId="3"/>
  </si>
  <si>
    <t>取組状況</t>
    <rPh sb="0" eb="2">
      <t>トリク</t>
    </rPh>
    <rPh sb="2" eb="4">
      <t>ジョウキョウ</t>
    </rPh>
    <phoneticPr fontId="3"/>
  </si>
  <si>
    <t>その他</t>
    <rPh sb="0" eb="3">
      <t>ソノタ</t>
    </rPh>
    <phoneticPr fontId="3"/>
  </si>
  <si>
    <t>施設長</t>
    <rPh sb="0" eb="2">
      <t>シセツ</t>
    </rPh>
    <rPh sb="2" eb="3">
      <t>チョウ</t>
    </rPh>
    <phoneticPr fontId="3"/>
  </si>
  <si>
    <t>事務員</t>
    <rPh sb="0" eb="3">
      <t>ジムイン</t>
    </rPh>
    <phoneticPr fontId="3"/>
  </si>
  <si>
    <t>調理員</t>
    <rPh sb="0" eb="3">
      <t>チョウリイン</t>
    </rPh>
    <phoneticPr fontId="3"/>
  </si>
  <si>
    <t>時間</t>
    <rPh sb="0" eb="2">
      <t>ジカン</t>
    </rPh>
    <phoneticPr fontId="3"/>
  </si>
  <si>
    <t>士</t>
    <rPh sb="0" eb="1">
      <t>シ</t>
    </rPh>
    <phoneticPr fontId="3"/>
  </si>
  <si>
    <t>　健康保険</t>
    <rPh sb="1" eb="5">
      <t>ケンコウホケン</t>
    </rPh>
    <phoneticPr fontId="3"/>
  </si>
  <si>
    <t>　厚生年金保険</t>
    <rPh sb="1" eb="7">
      <t>コウセイネンキンホケン</t>
    </rPh>
    <phoneticPr fontId="3"/>
  </si>
  <si>
    <t>　雇用保険</t>
    <rPh sb="1" eb="5">
      <t>コヨウホケン</t>
    </rPh>
    <phoneticPr fontId="3"/>
  </si>
  <si>
    <t>　労災保険</t>
    <rPh sb="1" eb="5">
      <t>ロウサイホケン</t>
    </rPh>
    <phoneticPr fontId="3"/>
  </si>
  <si>
    <t>　就業規則の届出（直近における変更の届出）（労働基準法第８９条）</t>
    <rPh sb="1" eb="5">
      <t>シュウギョウキソク</t>
    </rPh>
    <rPh sb="6" eb="8">
      <t>トドケデ</t>
    </rPh>
    <rPh sb="9" eb="11">
      <t>チョッキン</t>
    </rPh>
    <rPh sb="15" eb="17">
      <t>ヘンコウ</t>
    </rPh>
    <rPh sb="18" eb="20">
      <t>トドケデ</t>
    </rPh>
    <rPh sb="22" eb="27">
      <t>ロウドウキジュンホウ</t>
    </rPh>
    <rPh sb="27" eb="28">
      <t>ダイ</t>
    </rPh>
    <rPh sb="30" eb="31">
      <t>ジョウ</t>
    </rPh>
    <phoneticPr fontId="3"/>
  </si>
  <si>
    <t>　労働組合法に基づく労働協約の締結</t>
    <rPh sb="1" eb="5">
      <t>ロウドウクミアイ</t>
    </rPh>
    <rPh sb="5" eb="6">
      <t>ホウ</t>
    </rPh>
    <rPh sb="7" eb="8">
      <t>モト</t>
    </rPh>
    <rPh sb="10" eb="14">
      <t>ロウドウキョウヤク</t>
    </rPh>
    <rPh sb="15" eb="17">
      <t>テイケツ</t>
    </rPh>
    <phoneticPr fontId="3"/>
  </si>
  <si>
    <t>　労働基準法第２４条の締結（給料支払い時の法定外控除）</t>
    <rPh sb="1" eb="6">
      <t>ロウドウキジュンホウ</t>
    </rPh>
    <rPh sb="6" eb="7">
      <t>ダイ</t>
    </rPh>
    <rPh sb="9" eb="10">
      <t>ジョウ</t>
    </rPh>
    <rPh sb="11" eb="13">
      <t>テイケツ</t>
    </rPh>
    <rPh sb="14" eb="16">
      <t>キュウリョウ</t>
    </rPh>
    <rPh sb="16" eb="18">
      <t>シハラ</t>
    </rPh>
    <rPh sb="19" eb="20">
      <t>ジ</t>
    </rPh>
    <rPh sb="21" eb="23">
      <t>ホウテイ</t>
    </rPh>
    <rPh sb="23" eb="24">
      <t>ソト</t>
    </rPh>
    <rPh sb="24" eb="26">
      <t>コウジョ</t>
    </rPh>
    <phoneticPr fontId="3"/>
  </si>
  <si>
    <t>　労働基準法第３６条の届出（休日･時間外労働）</t>
    <rPh sb="1" eb="6">
      <t>ロウドウキジュンホウ</t>
    </rPh>
    <rPh sb="6" eb="7">
      <t>ダイ</t>
    </rPh>
    <rPh sb="9" eb="10">
      <t>ジョウ</t>
    </rPh>
    <rPh sb="11" eb="13">
      <t>トドケデ</t>
    </rPh>
    <rPh sb="14" eb="16">
      <t>キュウジツ</t>
    </rPh>
    <rPh sb="17" eb="22">
      <t>ジカンガイロウドウ</t>
    </rPh>
    <phoneticPr fontId="3"/>
  </si>
  <si>
    <t>　労働基準法第４１条の宿・日直の許可（宿直制の施設のみ）</t>
    <rPh sb="1" eb="5">
      <t>ロウドウキジュン</t>
    </rPh>
    <rPh sb="5" eb="6">
      <t>ホウ</t>
    </rPh>
    <rPh sb="6" eb="7">
      <t>ダイ</t>
    </rPh>
    <rPh sb="9" eb="10">
      <t>ジョウ</t>
    </rPh>
    <rPh sb="11" eb="12">
      <t>シュク</t>
    </rPh>
    <rPh sb="13" eb="15">
      <t>ニッチョク</t>
    </rPh>
    <rPh sb="16" eb="18">
      <t>キョカ</t>
    </rPh>
    <rPh sb="19" eb="21">
      <t>シュクチョク</t>
    </rPh>
    <rPh sb="21" eb="22">
      <t>セイ</t>
    </rPh>
    <rPh sb="23" eb="25">
      <t>シセツ</t>
    </rPh>
    <phoneticPr fontId="3"/>
  </si>
  <si>
    <t>　労働基準監督署の立入検査</t>
    <rPh sb="1" eb="5">
      <t>ロウドウキジュン</t>
    </rPh>
    <rPh sb="5" eb="7">
      <t>カントク</t>
    </rPh>
    <rPh sb="7" eb="8">
      <t>ショ</t>
    </rPh>
    <rPh sb="9" eb="11">
      <t>タチイリ</t>
    </rPh>
    <rPh sb="11" eb="13">
      <t>ケンサ</t>
    </rPh>
    <phoneticPr fontId="3"/>
  </si>
  <si>
    <t>指摘内容</t>
    <rPh sb="0" eb="2">
      <t>シテキ</t>
    </rPh>
    <rPh sb="2" eb="4">
      <t>ナイヨウ</t>
    </rPh>
    <phoneticPr fontId="3"/>
  </si>
  <si>
    <t>改善状況</t>
    <rPh sb="0" eb="2">
      <t>カイゼン</t>
    </rPh>
    <rPh sb="2" eb="4">
      <t>ジョウキョウ</t>
    </rPh>
    <phoneticPr fontId="3"/>
  </si>
  <si>
    <t>　　年　　月　　日(直近）</t>
    <rPh sb="2" eb="9">
      <t>ネンガッピ</t>
    </rPh>
    <rPh sb="10" eb="11">
      <t>チョク</t>
    </rPh>
    <rPh sb="11" eb="12">
      <t>キンジョ</t>
    </rPh>
    <phoneticPr fontId="3"/>
  </si>
  <si>
    <t>　１週間の実労働時間</t>
    <rPh sb="1" eb="4">
      <t>イッシュウカン</t>
    </rPh>
    <rPh sb="5" eb="6">
      <t>ジツ</t>
    </rPh>
    <rPh sb="6" eb="10">
      <t>ロウドウジカン</t>
    </rPh>
    <phoneticPr fontId="3"/>
  </si>
  <si>
    <t>　（　　　　　）時間（　　　　　）分</t>
    <rPh sb="8" eb="10">
      <t>ジカン</t>
    </rPh>
    <rPh sb="17" eb="18">
      <t>フン</t>
    </rPh>
    <phoneticPr fontId="3"/>
  </si>
  <si>
    <t>　育児休業制度</t>
    <rPh sb="1" eb="5">
      <t>イクジキュウギョウ</t>
    </rPh>
    <rPh sb="5" eb="7">
      <t>セイド</t>
    </rPh>
    <phoneticPr fontId="3"/>
  </si>
  <si>
    <t>　介護休業制度</t>
    <rPh sb="1" eb="5">
      <t>カイゴキュウギョウ</t>
    </rPh>
    <rPh sb="5" eb="7">
      <t>セイド</t>
    </rPh>
    <phoneticPr fontId="3"/>
  </si>
  <si>
    <t>　時間外勤務の状況</t>
    <rPh sb="1" eb="4">
      <t>ジカンガイ</t>
    </rPh>
    <rPh sb="4" eb="6">
      <t>キンム</t>
    </rPh>
    <rPh sb="7" eb="9">
      <t>ジョウキョウ</t>
    </rPh>
    <phoneticPr fontId="3"/>
  </si>
  <si>
    <t>　前年度は１人月平均（　　　　　）時間</t>
    <rPh sb="1" eb="4">
      <t>ゼンネンド</t>
    </rPh>
    <rPh sb="5" eb="7">
      <t>ヒトリ</t>
    </rPh>
    <rPh sb="7" eb="8">
      <t>ツキ</t>
    </rPh>
    <rPh sb="8" eb="10">
      <t>ヘイキン</t>
    </rPh>
    <rPh sb="17" eb="19">
      <t>ジカン</t>
    </rPh>
    <phoneticPr fontId="3"/>
  </si>
  <si>
    <t>　休日労働の状況</t>
    <rPh sb="1" eb="3">
      <t>キュウジツ</t>
    </rPh>
    <rPh sb="3" eb="5">
      <t>ロウドウ</t>
    </rPh>
    <rPh sb="6" eb="8">
      <t>ジョウキョウ</t>
    </rPh>
    <phoneticPr fontId="3"/>
  </si>
  <si>
    <t>　前年度は１人年男性（　　　　　）回　　女性（　　　　　）回</t>
    <rPh sb="1" eb="4">
      <t>ゼンネンド</t>
    </rPh>
    <rPh sb="5" eb="7">
      <t>ヒトリ</t>
    </rPh>
    <rPh sb="7" eb="8">
      <t>ネン</t>
    </rPh>
    <rPh sb="8" eb="10">
      <t>ダンセイ</t>
    </rPh>
    <rPh sb="17" eb="18">
      <t>カイ</t>
    </rPh>
    <rPh sb="20" eb="22">
      <t>ジョセイ</t>
    </rPh>
    <rPh sb="29" eb="30">
      <t>カイ</t>
    </rPh>
    <phoneticPr fontId="3"/>
  </si>
  <si>
    <t>　夜間勤務の状況</t>
    <rPh sb="1" eb="5">
      <t>ヤカンキンム</t>
    </rPh>
    <rPh sb="6" eb="8">
      <t>ジョウキョウ</t>
    </rPh>
    <phoneticPr fontId="3"/>
  </si>
  <si>
    <t>　上記以外の職員　宿直（　　　　）名　　夜勤（　　　　　）回</t>
    <rPh sb="1" eb="3">
      <t>ジョウキ</t>
    </rPh>
    <rPh sb="3" eb="5">
      <t>イガイ</t>
    </rPh>
    <rPh sb="6" eb="8">
      <t>ショクイン</t>
    </rPh>
    <rPh sb="9" eb="11">
      <t>シュクチョク</t>
    </rPh>
    <rPh sb="17" eb="18">
      <t>ナ</t>
    </rPh>
    <rPh sb="20" eb="22">
      <t>ヤキン</t>
    </rPh>
    <rPh sb="29" eb="30">
      <t>カイ</t>
    </rPh>
    <phoneticPr fontId="3"/>
  </si>
  <si>
    <t>　定年制</t>
    <rPh sb="1" eb="4">
      <t>テイネンセイ</t>
    </rPh>
    <phoneticPr fontId="3"/>
  </si>
  <si>
    <t>　給料表</t>
    <rPh sb="1" eb="3">
      <t>キュウリョウ</t>
    </rPh>
    <rPh sb="3" eb="4">
      <t>ヒョウ</t>
    </rPh>
    <phoneticPr fontId="3"/>
  </si>
  <si>
    <t>　　短大卒程度　（　　　）級（　　　）号（　　　　　　千円）</t>
    <rPh sb="2" eb="4">
      <t>タンダイ</t>
    </rPh>
    <rPh sb="4" eb="5">
      <t>コウコウソツ</t>
    </rPh>
    <rPh sb="5" eb="7">
      <t>テイド</t>
    </rPh>
    <rPh sb="13" eb="14">
      <t>キュウ</t>
    </rPh>
    <rPh sb="19" eb="20">
      <t>ゴウ</t>
    </rPh>
    <rPh sb="27" eb="29">
      <t>センエン</t>
    </rPh>
    <phoneticPr fontId="3"/>
  </si>
  <si>
    <t>　基準有無</t>
    <rPh sb="1" eb="3">
      <t>キジュン</t>
    </rPh>
    <rPh sb="3" eb="5">
      <t>ウム</t>
    </rPh>
    <phoneticPr fontId="3"/>
  </si>
  <si>
    <t>　　大学卒程度　（　　　）級（　　　）号（　　　　　　千円）</t>
    <rPh sb="2" eb="4">
      <t>ダイガク</t>
    </rPh>
    <rPh sb="4" eb="5">
      <t>コウコウソツ</t>
    </rPh>
    <rPh sb="5" eb="7">
      <t>テイド</t>
    </rPh>
    <rPh sb="13" eb="14">
      <t>キュウ</t>
    </rPh>
    <rPh sb="19" eb="20">
      <t>ゴウ</t>
    </rPh>
    <rPh sb="27" eb="29">
      <t>センエン</t>
    </rPh>
    <phoneticPr fontId="3"/>
  </si>
  <si>
    <t>(　有　　・　　無　）</t>
    <rPh sb="2" eb="9">
      <t>ウム</t>
    </rPh>
    <phoneticPr fontId="3"/>
  </si>
  <si>
    <t>　※大学新卒で直接処遇職員の各種手当込みの支給額　</t>
    <rPh sb="2" eb="4">
      <t>ダイガク</t>
    </rPh>
    <rPh sb="4" eb="6">
      <t>シンソツ</t>
    </rPh>
    <rPh sb="7" eb="9">
      <t>チョクセツ</t>
    </rPh>
    <rPh sb="9" eb="11">
      <t>ショグウ</t>
    </rPh>
    <rPh sb="11" eb="13">
      <t>ショクイン</t>
    </rPh>
    <rPh sb="14" eb="16">
      <t>カクシュ</t>
    </rPh>
    <rPh sb="16" eb="17">
      <t>テ</t>
    </rPh>
    <rPh sb="17" eb="19">
      <t>アテコ</t>
    </rPh>
    <rPh sb="21" eb="24">
      <t>シキュウガク</t>
    </rPh>
    <phoneticPr fontId="3"/>
  </si>
  <si>
    <t>（　　　　　　　　　　千円） 　注①、②参照</t>
    <rPh sb="11" eb="13">
      <t>センエン</t>
    </rPh>
    <rPh sb="16" eb="17">
      <t>チュウ</t>
    </rPh>
    <rPh sb="20" eb="22">
      <t>サンショウ</t>
    </rPh>
    <phoneticPr fontId="3"/>
  </si>
  <si>
    <t>　前歴換算基準</t>
    <rPh sb="1" eb="3">
      <t>ゼンレキ</t>
    </rPh>
    <rPh sb="3" eb="5">
      <t>カンサン</t>
    </rPh>
    <rPh sb="5" eb="7">
      <t>キジュン</t>
    </rPh>
    <phoneticPr fontId="3"/>
  </si>
  <si>
    <t>　定期昇給</t>
    <rPh sb="1" eb="3">
      <t>テイキ</t>
    </rPh>
    <rPh sb="3" eb="5">
      <t>ショウキュウ</t>
    </rPh>
    <phoneticPr fontId="3"/>
  </si>
  <si>
    <t>　年（　　　　　）回　（　　・　　・　　・　　）月</t>
    <rPh sb="1" eb="2">
      <t>ネン</t>
    </rPh>
    <rPh sb="9" eb="10">
      <t>カイ</t>
    </rPh>
    <rPh sb="24" eb="25">
      <t>ツキ</t>
    </rPh>
    <phoneticPr fontId="3"/>
  </si>
  <si>
    <t>　給料の支払方法</t>
    <rPh sb="1" eb="3">
      <t>キュウリョウ</t>
    </rPh>
    <rPh sb="4" eb="8">
      <t>シハライホウホウ</t>
    </rPh>
    <phoneticPr fontId="3"/>
  </si>
  <si>
    <t>　旅費規程</t>
    <rPh sb="1" eb="3">
      <t>リョヒ</t>
    </rPh>
    <rPh sb="3" eb="5">
      <t>キテイ</t>
    </rPh>
    <phoneticPr fontId="3"/>
  </si>
  <si>
    <t>　旅費の支給</t>
    <rPh sb="1" eb="3">
      <t>リョヒ</t>
    </rPh>
    <rPh sb="4" eb="6">
      <t>シキュウ</t>
    </rPh>
    <phoneticPr fontId="3"/>
  </si>
  <si>
    <t>　実費支給</t>
    <rPh sb="1" eb="5">
      <t>ジッピシキュウ</t>
    </rPh>
    <phoneticPr fontId="3"/>
  </si>
  <si>
    <t>　実費と日当</t>
    <rPh sb="1" eb="3">
      <t>ジッピ</t>
    </rPh>
    <rPh sb="4" eb="6">
      <t>ニットウ</t>
    </rPh>
    <phoneticPr fontId="3"/>
  </si>
  <si>
    <t>日当の額　（　　　　　　）円　（　　　　　　）円</t>
    <rPh sb="0" eb="2">
      <t>ニットウ</t>
    </rPh>
    <rPh sb="3" eb="4">
      <t>ガク</t>
    </rPh>
    <rPh sb="13" eb="14">
      <t>エン</t>
    </rPh>
    <rPh sb="23" eb="24">
      <t>エン</t>
    </rPh>
    <phoneticPr fontId="3"/>
  </si>
  <si>
    <t>　退職金</t>
    <rPh sb="1" eb="4">
      <t>タイショクテアテ</t>
    </rPh>
    <phoneticPr fontId="3"/>
  </si>
  <si>
    <t>　国の退職手当共済</t>
    <rPh sb="1" eb="2">
      <t>クニ</t>
    </rPh>
    <rPh sb="3" eb="7">
      <t>タイショクテアテ</t>
    </rPh>
    <rPh sb="7" eb="9">
      <t>キョウサイ</t>
    </rPh>
    <phoneticPr fontId="3"/>
  </si>
  <si>
    <t>（　　　　　）人</t>
    <rPh sb="7" eb="8">
      <t>ニン</t>
    </rPh>
    <phoneticPr fontId="3"/>
  </si>
  <si>
    <t>　県市福利協会の退職共済</t>
    <rPh sb="1" eb="2">
      <t>カナガワケン</t>
    </rPh>
    <rPh sb="2" eb="3">
      <t>ヨコハマシ</t>
    </rPh>
    <rPh sb="3" eb="5">
      <t>フクリ</t>
    </rPh>
    <rPh sb="5" eb="7">
      <t>キョウカイ</t>
    </rPh>
    <rPh sb="8" eb="10">
      <t>タイショク</t>
    </rPh>
    <rPh sb="10" eb="12">
      <t>キョウサイ</t>
    </rPh>
    <phoneticPr fontId="3"/>
  </si>
  <si>
    <t>　法人独自の退職金規程</t>
    <rPh sb="1" eb="3">
      <t>ホウジン</t>
    </rPh>
    <rPh sb="3" eb="5">
      <t>ドクジ</t>
    </rPh>
    <rPh sb="6" eb="9">
      <t>タイショクキン</t>
    </rPh>
    <rPh sb="9" eb="11">
      <t>キテイ</t>
    </rPh>
    <phoneticPr fontId="3"/>
  </si>
  <si>
    <t>ア　個人的事情により支給されるもの（通勤手当、扶養手当等）</t>
    <rPh sb="2" eb="4">
      <t>コジン</t>
    </rPh>
    <rPh sb="4" eb="5">
      <t>テキ</t>
    </rPh>
    <rPh sb="5" eb="7">
      <t>ジジョウ</t>
    </rPh>
    <rPh sb="10" eb="12">
      <t>シキュウ</t>
    </rPh>
    <rPh sb="18" eb="22">
      <t>ツウキンテアテ</t>
    </rPh>
    <rPh sb="23" eb="27">
      <t>フヨウテアテ</t>
    </rPh>
    <rPh sb="27" eb="28">
      <t>トウ</t>
    </rPh>
    <phoneticPr fontId="3"/>
  </si>
  <si>
    <t>イ　臨時に支給されるもの（退職金等）</t>
    <rPh sb="2" eb="4">
      <t>リンジ</t>
    </rPh>
    <rPh sb="5" eb="7">
      <t>シキュウ</t>
    </rPh>
    <rPh sb="13" eb="16">
      <t>タイショクキン</t>
    </rPh>
    <rPh sb="16" eb="17">
      <t>トウ</t>
    </rPh>
    <phoneticPr fontId="3"/>
  </si>
  <si>
    <t>　（１）　給与等の状況</t>
    <rPh sb="5" eb="7">
      <t>キュウヨ</t>
    </rPh>
    <rPh sb="7" eb="8">
      <t>トウ</t>
    </rPh>
    <rPh sb="9" eb="11">
      <t>ジョウキョウ</t>
    </rPh>
    <phoneticPr fontId="3"/>
  </si>
  <si>
    <t>保育</t>
    <rPh sb="0" eb="2">
      <t>ホイクシ</t>
    </rPh>
    <phoneticPr fontId="3"/>
  </si>
  <si>
    <t>退職</t>
    <rPh sb="0" eb="2">
      <t>タイショク</t>
    </rPh>
    <phoneticPr fontId="3"/>
  </si>
  <si>
    <t>（新採用）</t>
    <rPh sb="1" eb="4">
      <t>シンサイヨウ</t>
    </rPh>
    <phoneticPr fontId="3"/>
  </si>
  <si>
    <t>現施設以外の経験年数</t>
    <rPh sb="0" eb="1">
      <t>ゲン</t>
    </rPh>
    <rPh sb="1" eb="3">
      <t>シセツ</t>
    </rPh>
    <rPh sb="3" eb="5">
      <t>イガイ</t>
    </rPh>
    <rPh sb="6" eb="10">
      <t>ケイケンネンスウ</t>
    </rPh>
    <phoneticPr fontId="3"/>
  </si>
  <si>
    <t>基　　本　　給　　等</t>
    <rPh sb="0" eb="7">
      <t>キホンキュウ</t>
    </rPh>
    <rPh sb="9" eb="10">
      <t>トウ</t>
    </rPh>
    <phoneticPr fontId="3"/>
  </si>
  <si>
    <t>職　種</t>
    <rPh sb="0" eb="3">
      <t>ショクシュ</t>
    </rPh>
    <phoneticPr fontId="3"/>
  </si>
  <si>
    <t>性別</t>
    <rPh sb="0" eb="2">
      <t>セイベツ</t>
    </rPh>
    <phoneticPr fontId="3"/>
  </si>
  <si>
    <t>年齢</t>
    <rPh sb="0" eb="2">
      <t>ネンレイ</t>
    </rPh>
    <phoneticPr fontId="3"/>
  </si>
  <si>
    <t>就職年月日</t>
    <rPh sb="0" eb="2">
      <t>シュウショク</t>
    </rPh>
    <rPh sb="2" eb="5">
      <t>ネンガッピ</t>
    </rPh>
    <phoneticPr fontId="3"/>
  </si>
  <si>
    <t>法人内</t>
    <rPh sb="0" eb="2">
      <t>ホウジン</t>
    </rPh>
    <rPh sb="2" eb="3">
      <t>ナイ</t>
    </rPh>
    <phoneticPr fontId="3"/>
  </si>
  <si>
    <t>他の社会</t>
    <rPh sb="0" eb="1">
      <t>タ</t>
    </rPh>
    <rPh sb="2" eb="4">
      <t>シャカイ</t>
    </rPh>
    <phoneticPr fontId="3"/>
  </si>
  <si>
    <t>親族関係等</t>
    <rPh sb="0" eb="4">
      <t>シンゾクカンケイ</t>
    </rPh>
    <rPh sb="4" eb="5">
      <t>トウ</t>
    </rPh>
    <phoneticPr fontId="3"/>
  </si>
  <si>
    <t>資格</t>
    <rPh sb="0" eb="2">
      <t>シカク</t>
    </rPh>
    <phoneticPr fontId="3"/>
  </si>
  <si>
    <t>共済</t>
    <rPh sb="0" eb="2">
      <t>キョウサイ</t>
    </rPh>
    <phoneticPr fontId="3"/>
  </si>
  <si>
    <t>（現施設）</t>
    <rPh sb="1" eb="2">
      <t>ゲン</t>
    </rPh>
    <rPh sb="2" eb="4">
      <t>シセツ</t>
    </rPh>
    <phoneticPr fontId="3"/>
  </si>
  <si>
    <t>他施設</t>
    <rPh sb="0" eb="1">
      <t>タ</t>
    </rPh>
    <rPh sb="1" eb="3">
      <t>シセツ</t>
    </rPh>
    <phoneticPr fontId="3"/>
  </si>
  <si>
    <t>福祉施設</t>
    <rPh sb="0" eb="4">
      <t>フクシシセツ</t>
    </rPh>
    <phoneticPr fontId="3"/>
  </si>
  <si>
    <t>号級</t>
    <rPh sb="0" eb="1">
      <t>ゴウキュウ</t>
    </rPh>
    <rPh sb="1" eb="2">
      <t>キュウ</t>
    </rPh>
    <phoneticPr fontId="3"/>
  </si>
  <si>
    <t>基本給月額</t>
    <rPh sb="0" eb="3">
      <t>キホンキュウ</t>
    </rPh>
    <rPh sb="3" eb="4">
      <t>ツキ</t>
    </rPh>
    <rPh sb="4" eb="5">
      <t>ガク</t>
    </rPh>
    <phoneticPr fontId="3"/>
  </si>
  <si>
    <t>支給総額</t>
    <rPh sb="0" eb="2">
      <t>シキュウ</t>
    </rPh>
    <rPh sb="2" eb="4">
      <t>ソウガク</t>
    </rPh>
    <phoneticPr fontId="3"/>
  </si>
  <si>
    <t>（注：⑤）</t>
    <rPh sb="1" eb="2">
      <t>チュウ</t>
    </rPh>
    <phoneticPr fontId="3"/>
  </si>
  <si>
    <t>主任（指導員）</t>
    <rPh sb="0" eb="2">
      <t>シュニン</t>
    </rPh>
    <rPh sb="3" eb="6">
      <t>シドウイン</t>
    </rPh>
    <phoneticPr fontId="3"/>
  </si>
  <si>
    <t>主任保育士　
児童指導員</t>
    <rPh sb="0" eb="2">
      <t>シュニン</t>
    </rPh>
    <rPh sb="2" eb="4">
      <t>ホイク</t>
    </rPh>
    <rPh sb="4" eb="5">
      <t>シ</t>
    </rPh>
    <rPh sb="7" eb="9">
      <t>ジドウ</t>
    </rPh>
    <rPh sb="9" eb="12">
      <t>シドウイン</t>
    </rPh>
    <phoneticPr fontId="3"/>
  </si>
  <si>
    <t>栄養士</t>
    <rPh sb="0" eb="2">
      <t>エイヨウ</t>
    </rPh>
    <rPh sb="2" eb="3">
      <t>シ</t>
    </rPh>
    <phoneticPr fontId="3"/>
  </si>
  <si>
    <t>　　　　②　表中の記載職種に該当する職員の状況について、記載すること。</t>
    <rPh sb="6" eb="8">
      <t>ヒョウチュウ</t>
    </rPh>
    <rPh sb="9" eb="11">
      <t>キサイ</t>
    </rPh>
    <rPh sb="11" eb="13">
      <t>ショクシュ</t>
    </rPh>
    <rPh sb="14" eb="16">
      <t>ガイトウ</t>
    </rPh>
    <rPh sb="18" eb="20">
      <t>ショクイン</t>
    </rPh>
    <rPh sb="21" eb="23">
      <t>ジョウキョウ</t>
    </rPh>
    <rPh sb="28" eb="30">
      <t>キサイ</t>
    </rPh>
    <phoneticPr fontId="3"/>
  </si>
  <si>
    <t>　　　　③　  「専任」は、本施設のみ常時勤務する者に○をすること。</t>
    <rPh sb="9" eb="11">
      <t>センニン</t>
    </rPh>
    <rPh sb="14" eb="15">
      <t>ホン</t>
    </rPh>
    <rPh sb="15" eb="17">
      <t>シセツ</t>
    </rPh>
    <rPh sb="19" eb="21">
      <t>ジョウジ</t>
    </rPh>
    <rPh sb="21" eb="23">
      <t>キンム</t>
    </rPh>
    <rPh sb="25" eb="26">
      <t>モノ</t>
    </rPh>
    <phoneticPr fontId="3"/>
  </si>
  <si>
    <t>　　　　④　「保育士資格」は、資格がある者に○をすること。</t>
    <rPh sb="7" eb="9">
      <t>ホイク</t>
    </rPh>
    <rPh sb="9" eb="10">
      <t>シ</t>
    </rPh>
    <rPh sb="10" eb="12">
      <t>シカク</t>
    </rPh>
    <rPh sb="15" eb="17">
      <t>シカク</t>
    </rPh>
    <rPh sb="20" eb="21">
      <t>モノ</t>
    </rPh>
    <phoneticPr fontId="3"/>
  </si>
  <si>
    <t>　　　　⑤　「就職年月日」は、同一法人の施設間で人事異動している場合には、「新採用年月日」を上段に、「現施設への異動年月日」を下段に記入すること。</t>
    <rPh sb="7" eb="9">
      <t>シュウショク</t>
    </rPh>
    <rPh sb="9" eb="12">
      <t>ネンガッピ</t>
    </rPh>
    <rPh sb="15" eb="17">
      <t>ドウイツ</t>
    </rPh>
    <rPh sb="17" eb="19">
      <t>ホウジン</t>
    </rPh>
    <rPh sb="20" eb="22">
      <t>シセツ</t>
    </rPh>
    <rPh sb="22" eb="23">
      <t>カン</t>
    </rPh>
    <rPh sb="24" eb="28">
      <t>ジンジイドウ</t>
    </rPh>
    <rPh sb="32" eb="34">
      <t>バアイ</t>
    </rPh>
    <rPh sb="38" eb="41">
      <t>シンサイヨウ</t>
    </rPh>
    <rPh sb="41" eb="44">
      <t>ネンガッピ</t>
    </rPh>
    <rPh sb="46" eb="48">
      <t>ジョウダン</t>
    </rPh>
    <rPh sb="51" eb="52">
      <t>ゲン</t>
    </rPh>
    <rPh sb="52" eb="54">
      <t>シセツ</t>
    </rPh>
    <rPh sb="56" eb="58">
      <t>イドウ</t>
    </rPh>
    <rPh sb="58" eb="61">
      <t>ネンガッピ</t>
    </rPh>
    <rPh sb="63" eb="65">
      <t>ゲダン</t>
    </rPh>
    <rPh sb="66" eb="68">
      <t>キニュウ</t>
    </rPh>
    <phoneticPr fontId="3"/>
  </si>
  <si>
    <t>　　　　⑥　「親族関係等」は、法人役員及び施設長と親族等の関係にある者について記入すること。　　例：施設長の妻、理事長の長男、理事の甥、等　</t>
    <rPh sb="7" eb="11">
      <t>シンゾクカンケイ</t>
    </rPh>
    <rPh sb="11" eb="12">
      <t>トウ</t>
    </rPh>
    <rPh sb="15" eb="17">
      <t>ホウジン</t>
    </rPh>
    <rPh sb="17" eb="19">
      <t>ヤクイン</t>
    </rPh>
    <rPh sb="19" eb="20">
      <t>オヨ</t>
    </rPh>
    <rPh sb="21" eb="23">
      <t>シセツ</t>
    </rPh>
    <rPh sb="23" eb="24">
      <t>チョウト</t>
    </rPh>
    <rPh sb="25" eb="27">
      <t>シンゾクカンケイ</t>
    </rPh>
    <rPh sb="27" eb="28">
      <t>トウ</t>
    </rPh>
    <rPh sb="29" eb="31">
      <t>カンケイ</t>
    </rPh>
    <rPh sb="34" eb="35">
      <t>モノ</t>
    </rPh>
    <rPh sb="39" eb="41">
      <t>キニュウ</t>
    </rPh>
    <rPh sb="48" eb="49">
      <t>レイ</t>
    </rPh>
    <rPh sb="50" eb="52">
      <t>シセツ</t>
    </rPh>
    <rPh sb="52" eb="53">
      <t>チョウ</t>
    </rPh>
    <rPh sb="54" eb="55">
      <t>ツマ</t>
    </rPh>
    <rPh sb="56" eb="59">
      <t>リジチョウ</t>
    </rPh>
    <rPh sb="60" eb="62">
      <t>チョウナン</t>
    </rPh>
    <rPh sb="63" eb="65">
      <t>リジ</t>
    </rPh>
    <rPh sb="66" eb="67">
      <t>オイ</t>
    </rPh>
    <rPh sb="68" eb="69">
      <t>トウ</t>
    </rPh>
    <phoneticPr fontId="3"/>
  </si>
  <si>
    <t>　（２）　施設長を除く職員の状況</t>
    <rPh sb="5" eb="7">
      <t>シセツチョウ</t>
    </rPh>
    <rPh sb="7" eb="8">
      <t>チョウ</t>
    </rPh>
    <rPh sb="9" eb="10">
      <t>ノゾ</t>
    </rPh>
    <rPh sb="11" eb="13">
      <t>ショクイン</t>
    </rPh>
    <rPh sb="14" eb="16">
      <t>ジョウキョウ</t>
    </rPh>
    <phoneticPr fontId="3"/>
  </si>
  <si>
    <t>平均本俸月額</t>
    <rPh sb="0" eb="2">
      <t>ヘイキン</t>
    </rPh>
    <rPh sb="2" eb="4">
      <t>ホンポウ</t>
    </rPh>
    <rPh sb="4" eb="6">
      <t>ゲツガク</t>
    </rPh>
    <phoneticPr fontId="3"/>
  </si>
  <si>
    <t>　　円</t>
    <rPh sb="2" eb="3">
      <t>エン</t>
    </rPh>
    <phoneticPr fontId="3"/>
  </si>
  <si>
    <t>保育士等の平均本俸月額</t>
    <rPh sb="0" eb="2">
      <t>ホイク</t>
    </rPh>
    <rPh sb="2" eb="3">
      <t>シ</t>
    </rPh>
    <rPh sb="3" eb="4">
      <t>トウ</t>
    </rPh>
    <rPh sb="5" eb="7">
      <t>ヘイキン</t>
    </rPh>
    <rPh sb="7" eb="9">
      <t>ホンポウ</t>
    </rPh>
    <rPh sb="9" eb="11">
      <t>ゲツガク</t>
    </rPh>
    <phoneticPr fontId="3"/>
  </si>
  <si>
    <t>平均年齢</t>
    <rPh sb="0" eb="2">
      <t>ヘイキン</t>
    </rPh>
    <rPh sb="2" eb="4">
      <t>ネンレイ</t>
    </rPh>
    <phoneticPr fontId="3"/>
  </si>
  <si>
    <t>　　歳</t>
    <rPh sb="2" eb="3">
      <t>サイ</t>
    </rPh>
    <phoneticPr fontId="3"/>
  </si>
  <si>
    <t>保育士等の平均年齢</t>
    <rPh sb="0" eb="2">
      <t>ホイク</t>
    </rPh>
    <rPh sb="2" eb="3">
      <t>シ</t>
    </rPh>
    <rPh sb="3" eb="4">
      <t>トウ</t>
    </rPh>
    <rPh sb="5" eb="7">
      <t>ヘイキン</t>
    </rPh>
    <rPh sb="7" eb="9">
      <t>ネンレイ</t>
    </rPh>
    <phoneticPr fontId="3"/>
  </si>
  <si>
    <t>平均勤続年数</t>
    <rPh sb="0" eb="2">
      <t>ヘイキン</t>
    </rPh>
    <rPh sb="2" eb="4">
      <t>キンゾク</t>
    </rPh>
    <rPh sb="4" eb="6">
      <t>ネンスウ</t>
    </rPh>
    <phoneticPr fontId="3"/>
  </si>
  <si>
    <t>年　　　　ヶ月</t>
    <rPh sb="0" eb="1">
      <t>ネン</t>
    </rPh>
    <rPh sb="6" eb="7">
      <t>ツキ</t>
    </rPh>
    <phoneticPr fontId="3"/>
  </si>
  <si>
    <t>保育士等の平均勤続年数</t>
    <rPh sb="0" eb="2">
      <t>ホイク</t>
    </rPh>
    <rPh sb="2" eb="3">
      <t>シ</t>
    </rPh>
    <rPh sb="3" eb="4">
      <t>トウ</t>
    </rPh>
    <rPh sb="5" eb="7">
      <t>ヘイキン</t>
    </rPh>
    <rPh sb="7" eb="9">
      <t>キンゾク</t>
    </rPh>
    <rPh sb="9" eb="11">
      <t>ネンスウ</t>
    </rPh>
    <phoneticPr fontId="3"/>
  </si>
  <si>
    <t>朝食</t>
    <rPh sb="0" eb="2">
      <t>チョウショク</t>
    </rPh>
    <phoneticPr fontId="3"/>
  </si>
  <si>
    <t>昼食</t>
    <rPh sb="0" eb="2">
      <t>チュウショク</t>
    </rPh>
    <phoneticPr fontId="3"/>
  </si>
  <si>
    <t>夕食</t>
    <rPh sb="0" eb="2">
      <t>ユウショク</t>
    </rPh>
    <phoneticPr fontId="3"/>
  </si>
  <si>
    <t>　　※　職員給食を実施している場合のみ、直近１ヶ月の状況を記入すること。</t>
    <rPh sb="4" eb="6">
      <t>ショクイン</t>
    </rPh>
    <rPh sb="6" eb="8">
      <t>キュウショク</t>
    </rPh>
    <rPh sb="9" eb="11">
      <t>ジッシ</t>
    </rPh>
    <rPh sb="15" eb="17">
      <t>バアイ</t>
    </rPh>
    <rPh sb="20" eb="21">
      <t>ジキ</t>
    </rPh>
    <rPh sb="21" eb="22">
      <t>チカ</t>
    </rPh>
    <rPh sb="22" eb="25">
      <t>イッカゲツ</t>
    </rPh>
    <rPh sb="26" eb="28">
      <t>ジョウキョウ</t>
    </rPh>
    <rPh sb="29" eb="31">
      <t>キニュウ</t>
    </rPh>
    <phoneticPr fontId="3"/>
  </si>
  <si>
    <t>　面　積</t>
    <rPh sb="1" eb="4">
      <t>メンセキ</t>
    </rPh>
    <phoneticPr fontId="3"/>
  </si>
  <si>
    <t>１人当たり居室</t>
    <rPh sb="0" eb="2">
      <t>ヒトリ</t>
    </rPh>
    <rPh sb="2" eb="3">
      <t>ア</t>
    </rPh>
    <rPh sb="5" eb="7">
      <t>キョシツ</t>
    </rPh>
    <phoneticPr fontId="3"/>
  </si>
  <si>
    <t>　　　　㎡</t>
    <phoneticPr fontId="3"/>
  </si>
  <si>
    <t>一戸当たり居室の計</t>
    <rPh sb="0" eb="2">
      <t>イッコ</t>
    </rPh>
    <rPh sb="2" eb="3">
      <t>ア</t>
    </rPh>
    <rPh sb="5" eb="7">
      <t>キョシツ</t>
    </rPh>
    <rPh sb="8" eb="9">
      <t>ケイ</t>
    </rPh>
    <phoneticPr fontId="3"/>
  </si>
  <si>
    <t>　定　員</t>
    <rPh sb="1" eb="4">
      <t>テイイン</t>
    </rPh>
    <phoneticPr fontId="3"/>
  </si>
  <si>
    <t>　　　　人</t>
    <rPh sb="4" eb="5">
      <t>ニン</t>
    </rPh>
    <phoneticPr fontId="3"/>
  </si>
  <si>
    <t>　　　世帯</t>
    <rPh sb="3" eb="5">
      <t>セタイ</t>
    </rPh>
    <phoneticPr fontId="3"/>
  </si>
  <si>
    <t>　入居数</t>
    <rPh sb="1" eb="3">
      <t>ニュウキョ</t>
    </rPh>
    <rPh sb="3" eb="4">
      <t>スウ</t>
    </rPh>
    <phoneticPr fontId="3"/>
  </si>
  <si>
    <t>　家　賃</t>
    <rPh sb="1" eb="4">
      <t>ヤチン</t>
    </rPh>
    <phoneticPr fontId="3"/>
  </si>
  <si>
    <t>　円／月</t>
    <rPh sb="1" eb="2">
      <t>エン</t>
    </rPh>
    <rPh sb="3" eb="4">
      <t>ツキ</t>
    </rPh>
    <phoneticPr fontId="3"/>
  </si>
  <si>
    <t>　所在地</t>
    <rPh sb="1" eb="4">
      <t>ショザイチ</t>
    </rPh>
    <phoneticPr fontId="3"/>
  </si>
  <si>
    <t>（１）健康診断の実施状況（職員健康診断）</t>
    <rPh sb="3" eb="7">
      <t>ケンコウシンダン</t>
    </rPh>
    <rPh sb="8" eb="12">
      <t>ジッシジョウキョウ</t>
    </rPh>
    <rPh sb="13" eb="15">
      <t>ショクイン</t>
    </rPh>
    <rPh sb="15" eb="17">
      <t>ケンコウ</t>
    </rPh>
    <rPh sb="17" eb="19">
      <t>シンダン</t>
    </rPh>
    <phoneticPr fontId="3"/>
  </si>
  <si>
    <t>前年度</t>
    <rPh sb="0" eb="3">
      <t>ゼンネンド</t>
    </rPh>
    <phoneticPr fontId="3"/>
  </si>
  <si>
    <t>本年度</t>
    <rPh sb="0" eb="3">
      <t>ホンネンド</t>
    </rPh>
    <phoneticPr fontId="3"/>
  </si>
  <si>
    <t>採用時健康診断</t>
    <rPh sb="0" eb="3">
      <t>サイヨウジ</t>
    </rPh>
    <rPh sb="3" eb="5">
      <t>ケンコウ</t>
    </rPh>
    <rPh sb="5" eb="7">
      <t>シンダン</t>
    </rPh>
    <phoneticPr fontId="3"/>
  </si>
  <si>
    <t>未受診者数</t>
    <rPh sb="0" eb="1">
      <t>ミ</t>
    </rPh>
    <rPh sb="1" eb="3">
      <t>ジュシン</t>
    </rPh>
    <rPh sb="3" eb="4">
      <t>シャ</t>
    </rPh>
    <rPh sb="4" eb="5">
      <t>スウ</t>
    </rPh>
    <phoneticPr fontId="3"/>
  </si>
  <si>
    <t>（定期健康診断）</t>
    <rPh sb="1" eb="3">
      <t>テイキ</t>
    </rPh>
    <rPh sb="3" eb="5">
      <t>ケンコウ</t>
    </rPh>
    <rPh sb="5" eb="7">
      <t>シンダン</t>
    </rPh>
    <phoneticPr fontId="3"/>
  </si>
  <si>
    <t>既往症及び業務歴の調査　、　自覚症状及び他覚症状の有無の検査、</t>
    <rPh sb="0" eb="3">
      <t>キオウショウ</t>
    </rPh>
    <rPh sb="3" eb="4">
      <t>オヨ</t>
    </rPh>
    <rPh sb="5" eb="7">
      <t>ギョウム</t>
    </rPh>
    <rPh sb="7" eb="8">
      <t>レキ</t>
    </rPh>
    <rPh sb="9" eb="11">
      <t>チョウサ</t>
    </rPh>
    <rPh sb="14" eb="16">
      <t>ジカク</t>
    </rPh>
    <rPh sb="16" eb="18">
      <t>ショウジョウ</t>
    </rPh>
    <rPh sb="18" eb="19">
      <t>オヨ</t>
    </rPh>
    <rPh sb="20" eb="22">
      <t>タカク</t>
    </rPh>
    <rPh sb="22" eb="24">
      <t>ショウジョウ</t>
    </rPh>
    <rPh sb="25" eb="27">
      <t>ウム</t>
    </rPh>
    <rPh sb="28" eb="30">
      <t>ケンサ</t>
    </rPh>
    <phoneticPr fontId="3"/>
  </si>
  <si>
    <t>※実施項目に○</t>
    <rPh sb="1" eb="3">
      <t>ジッシ</t>
    </rPh>
    <rPh sb="3" eb="5">
      <t>コウモク</t>
    </rPh>
    <phoneticPr fontId="3"/>
  </si>
  <si>
    <t>(採用時健康診断）</t>
    <rPh sb="1" eb="4">
      <t>サイヨウジ</t>
    </rPh>
    <rPh sb="4" eb="6">
      <t>ケンコウ</t>
    </rPh>
    <rPh sb="6" eb="8">
      <t>シンダン</t>
    </rPh>
    <phoneticPr fontId="3"/>
  </si>
  <si>
    <t>をしてください。</t>
    <phoneticPr fontId="3"/>
  </si>
  <si>
    <t>血中脂質検査　、　血糖検査、　尿検査　、　心電図検査</t>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　予防接種等</t>
    <rPh sb="1" eb="5">
      <t>ヨボウセッシュ</t>
    </rPh>
    <rPh sb="5" eb="6">
      <t>トウ</t>
    </rPh>
    <phoneticPr fontId="3"/>
  </si>
  <si>
    <t>第３</t>
    <rPh sb="0" eb="1">
      <t>ダイ</t>
    </rPh>
    <phoneticPr fontId="12"/>
  </si>
  <si>
    <t>１　入所児童の措置状況</t>
    <rPh sb="2" eb="4">
      <t>ニュウショ</t>
    </rPh>
    <rPh sb="4" eb="6">
      <t>ジドウ</t>
    </rPh>
    <rPh sb="7" eb="9">
      <t>ソチ</t>
    </rPh>
    <rPh sb="9" eb="11">
      <t>ジョウキョウ</t>
    </rPh>
    <phoneticPr fontId="12"/>
  </si>
  <si>
    <t>（注１）施設で既に作成しているものがあれば、その資料をもって差し支えないものとします。</t>
    <rPh sb="1" eb="2">
      <t>チュウ</t>
    </rPh>
    <rPh sb="4" eb="6">
      <t>シセツ</t>
    </rPh>
    <rPh sb="7" eb="8">
      <t>スデ</t>
    </rPh>
    <rPh sb="9" eb="11">
      <t>サクセイ</t>
    </rPh>
    <rPh sb="24" eb="26">
      <t>シリョウ</t>
    </rPh>
    <rPh sb="30" eb="33">
      <t>サシツカ</t>
    </rPh>
    <phoneticPr fontId="12"/>
  </si>
  <si>
    <t>（注２）施設の種別によって、該当する項目を記入してください。</t>
    <rPh sb="1" eb="2">
      <t>チュウ</t>
    </rPh>
    <rPh sb="4" eb="6">
      <t>シセツ</t>
    </rPh>
    <rPh sb="7" eb="9">
      <t>シュベツ</t>
    </rPh>
    <rPh sb="14" eb="16">
      <t>ガイトウ</t>
    </rPh>
    <rPh sb="18" eb="20">
      <t>コウモク</t>
    </rPh>
    <rPh sb="21" eb="23">
      <t>キニュウ</t>
    </rPh>
    <phoneticPr fontId="3"/>
  </si>
  <si>
    <t>（注３）一時保護の人数は、（　　　）で記入してください（外数）。</t>
    <rPh sb="1" eb="2">
      <t>チュウ</t>
    </rPh>
    <rPh sb="4" eb="6">
      <t>イチジ</t>
    </rPh>
    <rPh sb="6" eb="8">
      <t>ホゴ</t>
    </rPh>
    <rPh sb="9" eb="11">
      <t>ニンズウ</t>
    </rPh>
    <rPh sb="19" eb="21">
      <t>キニュウ</t>
    </rPh>
    <rPh sb="28" eb="29">
      <t>ソト</t>
    </rPh>
    <rPh sb="29" eb="30">
      <t>スウ</t>
    </rPh>
    <phoneticPr fontId="3"/>
  </si>
  <si>
    <t>（１）入退所状況</t>
    <rPh sb="3" eb="4">
      <t>ニュウ</t>
    </rPh>
    <rPh sb="4" eb="6">
      <t>タイショ</t>
    </rPh>
    <rPh sb="6" eb="8">
      <t>ジョウキョウ</t>
    </rPh>
    <phoneticPr fontId="12"/>
  </si>
  <si>
    <t>名</t>
    <rPh sb="0" eb="1">
      <t>ナ</t>
    </rPh>
    <phoneticPr fontId="12"/>
  </si>
  <si>
    <t>月別状況</t>
    <rPh sb="0" eb="2">
      <t>ツキベツ</t>
    </rPh>
    <rPh sb="2" eb="4">
      <t>ジョウキョウ</t>
    </rPh>
    <phoneticPr fontId="3"/>
  </si>
  <si>
    <t>年度当初在籍</t>
    <phoneticPr fontId="12"/>
  </si>
  <si>
    <t xml:space="preserve"> 初日在籍</t>
  </si>
  <si>
    <t xml:space="preserve"> 入　　所</t>
  </si>
  <si>
    <t xml:space="preserve"> 退　　所</t>
  </si>
  <si>
    <t xml:space="preserve"> 年度末在籍</t>
  </si>
  <si>
    <t xml:space="preserve"> 月末在籍</t>
  </si>
  <si>
    <t>（２）措置機関別状況</t>
    <rPh sb="3" eb="5">
      <t>ソチ</t>
    </rPh>
    <rPh sb="5" eb="7">
      <t>キカン</t>
    </rPh>
    <rPh sb="7" eb="8">
      <t>ベツ</t>
    </rPh>
    <rPh sb="8" eb="10">
      <t>ジョウキョウ</t>
    </rPh>
    <phoneticPr fontId="12"/>
  </si>
  <si>
    <t>措置機関</t>
    <phoneticPr fontId="3"/>
  </si>
  <si>
    <t>県　域</t>
    <rPh sb="0" eb="3">
      <t>ケンイキ</t>
    </rPh>
    <phoneticPr fontId="12"/>
  </si>
  <si>
    <t>横浜市</t>
    <rPh sb="0" eb="3">
      <t>ヨコハマシ</t>
    </rPh>
    <phoneticPr fontId="12"/>
  </si>
  <si>
    <t>川崎市</t>
    <rPh sb="0" eb="3">
      <t>カワサキシ</t>
    </rPh>
    <phoneticPr fontId="12"/>
  </si>
  <si>
    <t>相模原市</t>
    <rPh sb="0" eb="4">
      <t>サガミハラシ</t>
    </rPh>
    <phoneticPr fontId="3"/>
  </si>
  <si>
    <t>横須賀市</t>
    <rPh sb="0" eb="4">
      <t>ヨコスカシ</t>
    </rPh>
    <phoneticPr fontId="3"/>
  </si>
  <si>
    <t>その他</t>
    <phoneticPr fontId="12"/>
  </si>
  <si>
    <t>計</t>
    <phoneticPr fontId="3"/>
  </si>
  <si>
    <t>中央</t>
    <rPh sb="0" eb="2">
      <t>チュウオウ</t>
    </rPh>
    <phoneticPr fontId="3"/>
  </si>
  <si>
    <t>平塚</t>
    <rPh sb="0" eb="2">
      <t>ヒラツカ</t>
    </rPh>
    <phoneticPr fontId="3"/>
  </si>
  <si>
    <t>鎌三</t>
    <rPh sb="0" eb="1">
      <t>カマ</t>
    </rPh>
    <rPh sb="1" eb="2">
      <t>サン</t>
    </rPh>
    <phoneticPr fontId="3"/>
  </si>
  <si>
    <t>男</t>
    <phoneticPr fontId="3"/>
  </si>
  <si>
    <t>女</t>
    <phoneticPr fontId="3"/>
  </si>
  <si>
    <t>（３）入退所の経路</t>
    <rPh sb="3" eb="6">
      <t>ニュウタイショ</t>
    </rPh>
    <rPh sb="7" eb="9">
      <t>ケイロ</t>
    </rPh>
    <phoneticPr fontId="12"/>
  </si>
  <si>
    <t>ア　入所理由</t>
    <rPh sb="4" eb="6">
      <t>リユウ</t>
    </rPh>
    <phoneticPr fontId="12"/>
  </si>
  <si>
    <t>イ　退所</t>
    <rPh sb="2" eb="4">
      <t>タイショ</t>
    </rPh>
    <phoneticPr fontId="12"/>
  </si>
  <si>
    <t>年度</t>
    <rPh sb="0" eb="2">
      <t>ネンド</t>
    </rPh>
    <phoneticPr fontId="12"/>
  </si>
  <si>
    <t xml:space="preserve"> 経路</t>
  </si>
  <si>
    <t>児童の問題</t>
    <rPh sb="0" eb="2">
      <t>ジドウ</t>
    </rPh>
    <rPh sb="3" eb="5">
      <t>モンダイ</t>
    </rPh>
    <phoneticPr fontId="3"/>
  </si>
  <si>
    <t xml:space="preserve"> 家庭引取</t>
  </si>
  <si>
    <t>保護者の病気</t>
    <rPh sb="0" eb="3">
      <t>ホゴシャ</t>
    </rPh>
    <rPh sb="4" eb="6">
      <t>ビョウキ</t>
    </rPh>
    <phoneticPr fontId="3"/>
  </si>
  <si>
    <t>里親委託等</t>
    <rPh sb="0" eb="2">
      <t>サトオヤ</t>
    </rPh>
    <rPh sb="2" eb="4">
      <t>イタク</t>
    </rPh>
    <rPh sb="4" eb="5">
      <t>トウ</t>
    </rPh>
    <phoneticPr fontId="3"/>
  </si>
  <si>
    <t>死　亡</t>
    <rPh sb="0" eb="1">
      <t>シ</t>
    </rPh>
    <rPh sb="2" eb="3">
      <t>ボウ</t>
    </rPh>
    <phoneticPr fontId="3"/>
  </si>
  <si>
    <t>養子縁組</t>
    <rPh sb="0" eb="2">
      <t>ヨウシ</t>
    </rPh>
    <rPh sb="2" eb="4">
      <t>エングミ</t>
    </rPh>
    <phoneticPr fontId="3"/>
  </si>
  <si>
    <t xml:space="preserve"> 離　婚</t>
    <phoneticPr fontId="3"/>
  </si>
  <si>
    <t>自立就労</t>
    <rPh sb="0" eb="1">
      <t>ジ</t>
    </rPh>
    <rPh sb="1" eb="2">
      <t>リツ</t>
    </rPh>
    <rPh sb="2" eb="4">
      <t>シュウロウ</t>
    </rPh>
    <phoneticPr fontId="3"/>
  </si>
  <si>
    <t xml:space="preserve"> 虐　待</t>
    <phoneticPr fontId="3"/>
  </si>
  <si>
    <t>無断外出</t>
    <rPh sb="0" eb="2">
      <t>ムダン</t>
    </rPh>
    <rPh sb="2" eb="4">
      <t>ガイシュツ</t>
    </rPh>
    <phoneticPr fontId="3"/>
  </si>
  <si>
    <t>その他</t>
    <phoneticPr fontId="3"/>
  </si>
  <si>
    <t>死亡</t>
    <rPh sb="0" eb="2">
      <t>シボウ</t>
    </rPh>
    <phoneticPr fontId="3"/>
  </si>
  <si>
    <t xml:space="preserve">  計</t>
  </si>
  <si>
    <t>他の福祉施設等</t>
    <rPh sb="0" eb="1">
      <t>タ</t>
    </rPh>
    <rPh sb="2" eb="4">
      <t>フクシ</t>
    </rPh>
    <rPh sb="4" eb="6">
      <t>シセツ</t>
    </rPh>
    <rPh sb="6" eb="7">
      <t>トウ</t>
    </rPh>
    <phoneticPr fontId="3"/>
  </si>
  <si>
    <t>２　入所児童の状況等</t>
    <rPh sb="2" eb="4">
      <t>ニュウショ</t>
    </rPh>
    <rPh sb="4" eb="6">
      <t>ジドウ</t>
    </rPh>
    <rPh sb="7" eb="9">
      <t>ジョウキョウ</t>
    </rPh>
    <rPh sb="9" eb="10">
      <t>トウ</t>
    </rPh>
    <phoneticPr fontId="12"/>
  </si>
  <si>
    <t>（注）施設で既に作成しているものがあれば、その資料をもって差し支えないものとします。</t>
    <rPh sb="1" eb="2">
      <t>チュウ</t>
    </rPh>
    <rPh sb="3" eb="5">
      <t>シセツ</t>
    </rPh>
    <rPh sb="6" eb="7">
      <t>スデ</t>
    </rPh>
    <rPh sb="8" eb="10">
      <t>サクセイ</t>
    </rPh>
    <rPh sb="23" eb="25">
      <t>シリョウ</t>
    </rPh>
    <rPh sb="29" eb="32">
      <t>サシツカ</t>
    </rPh>
    <phoneticPr fontId="12"/>
  </si>
  <si>
    <t>（１）入所児童の状況（監査資料提出月の前月の１日現在）</t>
    <rPh sb="3" eb="5">
      <t>ニュウショ</t>
    </rPh>
    <rPh sb="5" eb="7">
      <t>ジドウ</t>
    </rPh>
    <rPh sb="8" eb="10">
      <t>ジョウキョウ</t>
    </rPh>
    <rPh sb="11" eb="13">
      <t>カンサ</t>
    </rPh>
    <rPh sb="13" eb="15">
      <t>シリョウ</t>
    </rPh>
    <rPh sb="15" eb="17">
      <t>テイシュツ</t>
    </rPh>
    <rPh sb="17" eb="18">
      <t>ツキ</t>
    </rPh>
    <rPh sb="19" eb="21">
      <t>ゼンゲツ</t>
    </rPh>
    <rPh sb="23" eb="24">
      <t>ヒ</t>
    </rPh>
    <rPh sb="24" eb="26">
      <t>ゲンザイ</t>
    </rPh>
    <phoneticPr fontId="12"/>
  </si>
  <si>
    <t>年齢等</t>
    <rPh sb="0" eb="2">
      <t>ネンレイ</t>
    </rPh>
    <rPh sb="2" eb="3">
      <t>トウ</t>
    </rPh>
    <phoneticPr fontId="12"/>
  </si>
  <si>
    <t>学齢前児童</t>
    <rPh sb="0" eb="2">
      <t>ガクレイ</t>
    </rPh>
    <rPh sb="2" eb="3">
      <t>マエ</t>
    </rPh>
    <rPh sb="3" eb="5">
      <t>ジドウ</t>
    </rPh>
    <phoneticPr fontId="3"/>
  </si>
  <si>
    <t>小学生</t>
    <rPh sb="0" eb="3">
      <t>ショウガクセイ</t>
    </rPh>
    <phoneticPr fontId="3"/>
  </si>
  <si>
    <t>小計（人）</t>
    <rPh sb="0" eb="1">
      <t>ショウ</t>
    </rPh>
    <rPh sb="3" eb="4">
      <t>ニン</t>
    </rPh>
    <phoneticPr fontId="12"/>
  </si>
  <si>
    <t>性別</t>
    <rPh sb="0" eb="2">
      <t>セイベツ</t>
    </rPh>
    <phoneticPr fontId="12"/>
  </si>
  <si>
    <t>０歳</t>
    <rPh sb="1" eb="2">
      <t>サイ</t>
    </rPh>
    <phoneticPr fontId="3"/>
  </si>
  <si>
    <t>１歳</t>
    <rPh sb="1" eb="2">
      <t>サイ</t>
    </rPh>
    <phoneticPr fontId="3"/>
  </si>
  <si>
    <t>２歳</t>
    <rPh sb="1" eb="2">
      <t>サイ</t>
    </rPh>
    <phoneticPr fontId="3"/>
  </si>
  <si>
    <t>３歳</t>
    <rPh sb="1" eb="2">
      <t>サイ</t>
    </rPh>
    <phoneticPr fontId="3"/>
  </si>
  <si>
    <t>４歳</t>
    <rPh sb="1" eb="2">
      <t>サイ</t>
    </rPh>
    <phoneticPr fontId="3"/>
  </si>
  <si>
    <t>５歳</t>
    <rPh sb="1" eb="2">
      <t>サイ</t>
    </rPh>
    <phoneticPr fontId="3"/>
  </si>
  <si>
    <t>６歳</t>
    <rPh sb="1" eb="2">
      <t>サイ</t>
    </rPh>
    <phoneticPr fontId="3"/>
  </si>
  <si>
    <t>１年～３年</t>
    <rPh sb="1" eb="2">
      <t>ネン</t>
    </rPh>
    <rPh sb="4" eb="5">
      <t>ネン</t>
    </rPh>
    <phoneticPr fontId="3"/>
  </si>
  <si>
    <t>４年～６年</t>
    <rPh sb="1" eb="2">
      <t>ネン</t>
    </rPh>
    <rPh sb="4" eb="5">
      <t>ネン</t>
    </rPh>
    <phoneticPr fontId="3"/>
  </si>
  <si>
    <t xml:space="preserve"> 計（人）</t>
    <rPh sb="3" eb="4">
      <t>ニン</t>
    </rPh>
    <phoneticPr fontId="3"/>
  </si>
  <si>
    <t>中学生</t>
    <rPh sb="0" eb="3">
      <t>チュウガクセイ</t>
    </rPh>
    <phoneticPr fontId="3"/>
  </si>
  <si>
    <t>高校生等</t>
    <rPh sb="0" eb="3">
      <t>コウコウセイ</t>
    </rPh>
    <rPh sb="3" eb="4">
      <t>トウ</t>
    </rPh>
    <phoneticPr fontId="3"/>
  </si>
  <si>
    <t>１９歳</t>
    <rPh sb="2" eb="3">
      <t>サイ</t>
    </rPh>
    <phoneticPr fontId="3"/>
  </si>
  <si>
    <t>２０歳</t>
    <rPh sb="2" eb="3">
      <t>サイ</t>
    </rPh>
    <phoneticPr fontId="3"/>
  </si>
  <si>
    <t>小計（人）</t>
    <rPh sb="0" eb="1">
      <t>ショウ</t>
    </rPh>
    <rPh sb="1" eb="2">
      <t>ケイ</t>
    </rPh>
    <rPh sb="3" eb="4">
      <t>ニン</t>
    </rPh>
    <phoneticPr fontId="3"/>
  </si>
  <si>
    <t>合計（人）</t>
    <rPh sb="0" eb="2">
      <t>ゴウケイ</t>
    </rPh>
    <rPh sb="3" eb="4">
      <t>ニン</t>
    </rPh>
    <phoneticPr fontId="12"/>
  </si>
  <si>
    <t>１年</t>
    <rPh sb="1" eb="2">
      <t>ネン</t>
    </rPh>
    <phoneticPr fontId="3"/>
  </si>
  <si>
    <t>２年</t>
    <rPh sb="1" eb="2">
      <t>ネン</t>
    </rPh>
    <phoneticPr fontId="3"/>
  </si>
  <si>
    <t>３年</t>
    <rPh sb="1" eb="2">
      <t>ネン</t>
    </rPh>
    <phoneticPr fontId="3"/>
  </si>
  <si>
    <t xml:space="preserve"> （２）就学の状況</t>
  </si>
  <si>
    <t>小学校</t>
    <rPh sb="0" eb="3">
      <t>ショウガッコウ</t>
    </rPh>
    <phoneticPr fontId="12"/>
  </si>
  <si>
    <t>中学校</t>
    <rPh sb="0" eb="3">
      <t>チュウガッコウ</t>
    </rPh>
    <phoneticPr fontId="12"/>
  </si>
  <si>
    <t>高等学校</t>
    <rPh sb="0" eb="2">
      <t>コウトウ</t>
    </rPh>
    <rPh sb="2" eb="4">
      <t>ガッコウ</t>
    </rPh>
    <phoneticPr fontId="12"/>
  </si>
  <si>
    <t>計</t>
    <rPh sb="0" eb="1">
      <t>ケイ</t>
    </rPh>
    <phoneticPr fontId="12"/>
  </si>
  <si>
    <t>普通学級</t>
    <rPh sb="0" eb="2">
      <t>フツウ</t>
    </rPh>
    <rPh sb="2" eb="4">
      <t>ガッキュウ</t>
    </rPh>
    <phoneticPr fontId="12"/>
  </si>
  <si>
    <t>特別支援級</t>
    <rPh sb="0" eb="2">
      <t>トクベツ</t>
    </rPh>
    <rPh sb="2" eb="4">
      <t>シエン</t>
    </rPh>
    <rPh sb="4" eb="5">
      <t>キュウ</t>
    </rPh>
    <phoneticPr fontId="12"/>
  </si>
  <si>
    <t>特別支援学校</t>
    <rPh sb="0" eb="2">
      <t>トクベツ</t>
    </rPh>
    <rPh sb="2" eb="4">
      <t>シエン</t>
    </rPh>
    <rPh sb="4" eb="6">
      <t>ガッコウ</t>
    </rPh>
    <phoneticPr fontId="12"/>
  </si>
  <si>
    <t xml:space="preserve"> （３）進学の状況　（高校及び専門学校在席数）</t>
    <rPh sb="4" eb="6">
      <t>シンガク</t>
    </rPh>
    <rPh sb="11" eb="13">
      <t>コウコウ</t>
    </rPh>
    <rPh sb="13" eb="14">
      <t>オヨ</t>
    </rPh>
    <rPh sb="15" eb="17">
      <t>センモン</t>
    </rPh>
    <rPh sb="17" eb="19">
      <t>ガッコウ</t>
    </rPh>
    <rPh sb="19" eb="21">
      <t>ザイセキ</t>
    </rPh>
    <rPh sb="21" eb="22">
      <t>スウ</t>
    </rPh>
    <phoneticPr fontId="12"/>
  </si>
  <si>
    <t>男子</t>
    <rPh sb="0" eb="2">
      <t>ダンシ</t>
    </rPh>
    <phoneticPr fontId="12"/>
  </si>
  <si>
    <t>女子</t>
    <rPh sb="0" eb="2">
      <t>ジョシ</t>
    </rPh>
    <phoneticPr fontId="12"/>
  </si>
  <si>
    <t>公立高校</t>
    <rPh sb="0" eb="2">
      <t>コウリツ</t>
    </rPh>
    <rPh sb="2" eb="4">
      <t>コウコウ</t>
    </rPh>
    <phoneticPr fontId="12"/>
  </si>
  <si>
    <t>私立高校</t>
    <rPh sb="0" eb="2">
      <t>シリツ</t>
    </rPh>
    <rPh sb="2" eb="4">
      <t>コウコウ</t>
    </rPh>
    <phoneticPr fontId="12"/>
  </si>
  <si>
    <t>専門学校</t>
    <rPh sb="0" eb="2">
      <t>センモン</t>
    </rPh>
    <rPh sb="2" eb="4">
      <t>ガッコウ</t>
    </rPh>
    <phoneticPr fontId="12"/>
  </si>
  <si>
    <t>①中学校卒業児童</t>
    <rPh sb="1" eb="4">
      <t>チュウガッコウ</t>
    </rPh>
    <rPh sb="4" eb="6">
      <t>ソツギョウ</t>
    </rPh>
    <rPh sb="6" eb="8">
      <t>ジドウ</t>
    </rPh>
    <phoneticPr fontId="3"/>
  </si>
  <si>
    <t>②高等学校卒業児童</t>
    <rPh sb="1" eb="3">
      <t>コウトウ</t>
    </rPh>
    <rPh sb="3" eb="5">
      <t>ガッコウ</t>
    </rPh>
    <rPh sb="5" eb="7">
      <t>ソツギョウ</t>
    </rPh>
    <rPh sb="7" eb="9">
      <t>ジドウ</t>
    </rPh>
    <phoneticPr fontId="3"/>
  </si>
  <si>
    <t>進路状況</t>
    <rPh sb="0" eb="2">
      <t>シンロ</t>
    </rPh>
    <rPh sb="2" eb="4">
      <t>ジョウキョウ</t>
    </rPh>
    <phoneticPr fontId="12"/>
  </si>
  <si>
    <t>人数</t>
    <rPh sb="0" eb="2">
      <t>ニンズウ</t>
    </rPh>
    <phoneticPr fontId="12"/>
  </si>
  <si>
    <t>就　職</t>
    <rPh sb="0" eb="3">
      <t>シュウショク</t>
    </rPh>
    <phoneticPr fontId="12"/>
  </si>
  <si>
    <t>高校進学</t>
    <rPh sb="0" eb="2">
      <t>コウコウ</t>
    </rPh>
    <rPh sb="2" eb="4">
      <t>シンガク</t>
    </rPh>
    <phoneticPr fontId="12"/>
  </si>
  <si>
    <t>短大・大学進学</t>
    <rPh sb="0" eb="2">
      <t>タンダイ</t>
    </rPh>
    <rPh sb="3" eb="5">
      <t>ダイガク</t>
    </rPh>
    <rPh sb="5" eb="7">
      <t>シンガク</t>
    </rPh>
    <phoneticPr fontId="12"/>
  </si>
  <si>
    <t>専門学校等への進学</t>
    <rPh sb="0" eb="2">
      <t>センモン</t>
    </rPh>
    <rPh sb="2" eb="4">
      <t>ガッコウ</t>
    </rPh>
    <rPh sb="4" eb="5">
      <t>トウ</t>
    </rPh>
    <rPh sb="7" eb="9">
      <t>シンガク</t>
    </rPh>
    <phoneticPr fontId="12"/>
  </si>
  <si>
    <t>その他</t>
    <rPh sb="0" eb="3">
      <t>ソノタ</t>
    </rPh>
    <phoneticPr fontId="12"/>
  </si>
  <si>
    <t xml:space="preserve"> （５）幼稚園等の利用状況</t>
    <rPh sb="4" eb="7">
      <t>ヨウチエン</t>
    </rPh>
    <rPh sb="7" eb="8">
      <t>トウ</t>
    </rPh>
    <rPh sb="9" eb="11">
      <t>リヨウ</t>
    </rPh>
    <phoneticPr fontId="12"/>
  </si>
  <si>
    <t>幼稚園等の利用有無及び利用状況</t>
    <phoneticPr fontId="3"/>
  </si>
  <si>
    <t>有無</t>
    <rPh sb="0" eb="2">
      <t>ウム</t>
    </rPh>
    <phoneticPr fontId="12"/>
  </si>
  <si>
    <t>利用状況</t>
    <rPh sb="0" eb="2">
      <t>リヨウ</t>
    </rPh>
    <rPh sb="2" eb="4">
      <t>ジョウキョウ</t>
    </rPh>
    <phoneticPr fontId="3"/>
  </si>
  <si>
    <t>処遇にあたっての工夫状況</t>
    <rPh sb="0" eb="2">
      <t>ショグウ</t>
    </rPh>
    <rPh sb="8" eb="10">
      <t>クフウ</t>
    </rPh>
    <rPh sb="10" eb="12">
      <t>ジョウキョウ</t>
    </rPh>
    <phoneticPr fontId="12"/>
  </si>
  <si>
    <t>１年保育</t>
    <rPh sb="1" eb="2">
      <t>ネン</t>
    </rPh>
    <rPh sb="2" eb="4">
      <t>ホイク</t>
    </rPh>
    <phoneticPr fontId="12"/>
  </si>
  <si>
    <t>２年保育</t>
    <rPh sb="1" eb="2">
      <t>ネン</t>
    </rPh>
    <rPh sb="2" eb="4">
      <t>ホイク</t>
    </rPh>
    <phoneticPr fontId="12"/>
  </si>
  <si>
    <t>３年保育</t>
    <rPh sb="1" eb="2">
      <t>ネン</t>
    </rPh>
    <rPh sb="2" eb="4">
      <t>ホイク</t>
    </rPh>
    <phoneticPr fontId="12"/>
  </si>
  <si>
    <t>（注）幼稚園等の利用状況の有無は、該当する方に○をし、有の場合は該当する期間にも○をしてください。</t>
    <rPh sb="1" eb="2">
      <t>チュウ</t>
    </rPh>
    <rPh sb="3" eb="6">
      <t>ヨウチエン</t>
    </rPh>
    <rPh sb="6" eb="7">
      <t>トウ</t>
    </rPh>
    <rPh sb="8" eb="10">
      <t>リヨウ</t>
    </rPh>
    <rPh sb="10" eb="12">
      <t>ジョウキョウ</t>
    </rPh>
    <rPh sb="13" eb="15">
      <t>ウム</t>
    </rPh>
    <rPh sb="17" eb="19">
      <t>ガイトウ</t>
    </rPh>
    <rPh sb="21" eb="22">
      <t>ホウ</t>
    </rPh>
    <rPh sb="27" eb="28">
      <t>ア</t>
    </rPh>
    <rPh sb="29" eb="31">
      <t>バアイ</t>
    </rPh>
    <rPh sb="32" eb="34">
      <t>ガイトウ</t>
    </rPh>
    <rPh sb="36" eb="38">
      <t>キカン</t>
    </rPh>
    <phoneticPr fontId="12"/>
  </si>
  <si>
    <t xml:space="preserve"> （６）小遣いの支給状況</t>
    <rPh sb="4" eb="6">
      <t>コヅカ</t>
    </rPh>
    <rPh sb="8" eb="10">
      <t>シキュウ</t>
    </rPh>
    <rPh sb="10" eb="12">
      <t>ジョウキョウ</t>
    </rPh>
    <phoneticPr fontId="12"/>
  </si>
  <si>
    <t>支給額（円）</t>
    <rPh sb="0" eb="3">
      <t>シキュウガク</t>
    </rPh>
    <rPh sb="4" eb="5">
      <t>エン</t>
    </rPh>
    <phoneticPr fontId="12"/>
  </si>
  <si>
    <t>幼児</t>
    <phoneticPr fontId="3"/>
  </si>
  <si>
    <t>小１</t>
    <phoneticPr fontId="3"/>
  </si>
  <si>
    <t>小２</t>
    <phoneticPr fontId="12"/>
  </si>
  <si>
    <t>小３</t>
    <phoneticPr fontId="3"/>
  </si>
  <si>
    <t>小４</t>
    <phoneticPr fontId="3"/>
  </si>
  <si>
    <t>小５</t>
    <phoneticPr fontId="3"/>
  </si>
  <si>
    <t>小６</t>
    <phoneticPr fontId="3"/>
  </si>
  <si>
    <t>中１</t>
    <phoneticPr fontId="3"/>
  </si>
  <si>
    <t>中２</t>
    <phoneticPr fontId="3"/>
  </si>
  <si>
    <t>中３</t>
    <phoneticPr fontId="3"/>
  </si>
  <si>
    <t>高１</t>
    <rPh sb="0" eb="1">
      <t>コウ</t>
    </rPh>
    <phoneticPr fontId="12"/>
  </si>
  <si>
    <t>高２</t>
    <rPh sb="0" eb="1">
      <t>コウ</t>
    </rPh>
    <phoneticPr fontId="12"/>
  </si>
  <si>
    <t>高３</t>
    <rPh sb="0" eb="1">
      <t>コウ</t>
    </rPh>
    <phoneticPr fontId="12"/>
  </si>
  <si>
    <t>月額</t>
  </si>
  <si>
    <t>児童手当からの充当（　有　・　無　）</t>
    <rPh sb="0" eb="2">
      <t>ジドウ</t>
    </rPh>
    <rPh sb="2" eb="4">
      <t>テアテ</t>
    </rPh>
    <rPh sb="7" eb="9">
      <t>ジュウトウ</t>
    </rPh>
    <rPh sb="11" eb="12">
      <t>アリ</t>
    </rPh>
    <rPh sb="15" eb="16">
      <t>ナシ</t>
    </rPh>
    <phoneticPr fontId="3"/>
  </si>
  <si>
    <t>（７）小遣いの管理状況</t>
    <rPh sb="3" eb="5">
      <t>コヅカ</t>
    </rPh>
    <rPh sb="7" eb="9">
      <t>カンリ</t>
    </rPh>
    <rPh sb="9" eb="11">
      <t>ジョウキョウ</t>
    </rPh>
    <phoneticPr fontId="3"/>
  </si>
  <si>
    <t>対象(年齢､学年等）</t>
    <rPh sb="0" eb="2">
      <t>タイショウ</t>
    </rPh>
    <rPh sb="3" eb="5">
      <t>ネンレイ</t>
    </rPh>
    <rPh sb="6" eb="9">
      <t>ガクネンナド</t>
    </rPh>
    <phoneticPr fontId="3"/>
  </si>
  <si>
    <t>保管･管理方法</t>
    <rPh sb="0" eb="2">
      <t>ホカン</t>
    </rPh>
    <rPh sb="3" eb="5">
      <t>カンリ</t>
    </rPh>
    <rPh sb="5" eb="7">
      <t>ホウホウ</t>
    </rPh>
    <phoneticPr fontId="3"/>
  </si>
  <si>
    <t>自己管理</t>
    <rPh sb="0" eb="2">
      <t>ジコ</t>
    </rPh>
    <rPh sb="2" eb="4">
      <t>カンリ</t>
    </rPh>
    <phoneticPr fontId="3"/>
  </si>
  <si>
    <t>管理方法等（　　　　　　　　　　　　　　　　　　　　　　　　　　　　　　　　　　　　）</t>
    <rPh sb="0" eb="2">
      <t>カンリ</t>
    </rPh>
    <rPh sb="2" eb="4">
      <t>ホウホウ</t>
    </rPh>
    <rPh sb="4" eb="5">
      <t>トウ</t>
    </rPh>
    <phoneticPr fontId="3"/>
  </si>
  <si>
    <t>施設管理</t>
    <rPh sb="0" eb="2">
      <t>シセツ</t>
    </rPh>
    <rPh sb="2" eb="4">
      <t>カンリ</t>
    </rPh>
    <phoneticPr fontId="3"/>
  </si>
  <si>
    <t>保管場所（　　　　　　　　　）　　管理（責任）者（　　　　　　　　　　　　）　　　　</t>
    <rPh sb="0" eb="2">
      <t>ホカン</t>
    </rPh>
    <rPh sb="2" eb="4">
      <t>バショ</t>
    </rPh>
    <rPh sb="17" eb="19">
      <t>カンリ</t>
    </rPh>
    <rPh sb="20" eb="22">
      <t>セキニン</t>
    </rPh>
    <rPh sb="23" eb="24">
      <t>シャ</t>
    </rPh>
    <phoneticPr fontId="3"/>
  </si>
  <si>
    <t xml:space="preserve"> （８）入所児童のその他預り金等の取り扱い状況</t>
    <rPh sb="4" eb="6">
      <t>ニュウショ</t>
    </rPh>
    <rPh sb="6" eb="8">
      <t>ジドウ</t>
    </rPh>
    <rPh sb="11" eb="12">
      <t>ホカ</t>
    </rPh>
    <rPh sb="12" eb="15">
      <t>アズカリキン</t>
    </rPh>
    <rPh sb="15" eb="16">
      <t>トウ</t>
    </rPh>
    <rPh sb="17" eb="20">
      <t>トリアツカ</t>
    </rPh>
    <rPh sb="21" eb="23">
      <t>ジョウキョウ</t>
    </rPh>
    <phoneticPr fontId="12"/>
  </si>
  <si>
    <t>(預り）児童数</t>
    <rPh sb="1" eb="2">
      <t>アズカ</t>
    </rPh>
    <rPh sb="4" eb="6">
      <t>ジドウ</t>
    </rPh>
    <rPh sb="6" eb="7">
      <t>スウ</t>
    </rPh>
    <phoneticPr fontId="3"/>
  </si>
  <si>
    <t>　預り金等の内容（　現金　　通帳　　印鑑　　その他（　　　　　　　　　)　）　</t>
    <rPh sb="1" eb="2">
      <t>アズカ</t>
    </rPh>
    <rPh sb="3" eb="4">
      <t>キン</t>
    </rPh>
    <rPh sb="4" eb="5">
      <t>トウ</t>
    </rPh>
    <rPh sb="6" eb="8">
      <t>ナイヨウ</t>
    </rPh>
    <rPh sb="10" eb="12">
      <t>ゲンキン</t>
    </rPh>
    <rPh sb="14" eb="16">
      <t>ツウチョウ</t>
    </rPh>
    <rPh sb="18" eb="20">
      <t>インカン</t>
    </rPh>
    <rPh sb="24" eb="25">
      <t>ホカ</t>
    </rPh>
    <phoneticPr fontId="3"/>
  </si>
  <si>
    <t>　保管場所（　　　　　　　　　　　）　　　管理（責任）者（　　　　　　　　　　　　　）　　　　</t>
    <rPh sb="1" eb="3">
      <t>ホカン</t>
    </rPh>
    <rPh sb="3" eb="5">
      <t>バショ</t>
    </rPh>
    <rPh sb="21" eb="23">
      <t>カンリ</t>
    </rPh>
    <rPh sb="24" eb="26">
      <t>セキニン</t>
    </rPh>
    <rPh sb="27" eb="28">
      <t>シャ</t>
    </rPh>
    <phoneticPr fontId="3"/>
  </si>
  <si>
    <t>＊給付金として支給を受けた金銭の取扱い状況については、指導監査当日に関係資料等の確認をさせていただきます。</t>
    <rPh sb="1" eb="4">
      <t>キュウフキン</t>
    </rPh>
    <rPh sb="7" eb="9">
      <t>シキュウ</t>
    </rPh>
    <rPh sb="10" eb="11">
      <t>ウ</t>
    </rPh>
    <rPh sb="13" eb="15">
      <t>キンセン</t>
    </rPh>
    <rPh sb="16" eb="18">
      <t>トリアツカ</t>
    </rPh>
    <rPh sb="19" eb="21">
      <t>ジョウキョウ</t>
    </rPh>
    <rPh sb="27" eb="29">
      <t>シドウ</t>
    </rPh>
    <rPh sb="29" eb="31">
      <t>カンサ</t>
    </rPh>
    <rPh sb="31" eb="33">
      <t>トウジツ</t>
    </rPh>
    <rPh sb="34" eb="36">
      <t>カンケイ</t>
    </rPh>
    <rPh sb="36" eb="38">
      <t>シリョウ</t>
    </rPh>
    <rPh sb="38" eb="39">
      <t>トウ</t>
    </rPh>
    <rPh sb="40" eb="42">
      <t>カクニン</t>
    </rPh>
    <phoneticPr fontId="3"/>
  </si>
  <si>
    <t xml:space="preserve"> （９）入所児童の特定個人情報の取り扱い状況</t>
    <rPh sb="4" eb="6">
      <t>ニュウショ</t>
    </rPh>
    <rPh sb="6" eb="8">
      <t>ジドウ</t>
    </rPh>
    <rPh sb="9" eb="11">
      <t>トクテイ</t>
    </rPh>
    <rPh sb="11" eb="13">
      <t>コジン</t>
    </rPh>
    <rPh sb="13" eb="15">
      <t>ジョウホウ</t>
    </rPh>
    <rPh sb="16" eb="19">
      <t>トリアツカ</t>
    </rPh>
    <rPh sb="20" eb="22">
      <t>ジョウキョウ</t>
    </rPh>
    <phoneticPr fontId="12"/>
  </si>
  <si>
    <t>（具体的取扱状況）</t>
    <rPh sb="1" eb="4">
      <t>グタイテキ</t>
    </rPh>
    <rPh sb="4" eb="6">
      <t>トリアツカイ</t>
    </rPh>
    <rPh sb="6" eb="8">
      <t>ジョウキョウ</t>
    </rPh>
    <phoneticPr fontId="3"/>
  </si>
  <si>
    <t>３　入所児童の処遇状況</t>
    <rPh sb="2" eb="4">
      <t>ニュウショ</t>
    </rPh>
    <rPh sb="4" eb="6">
      <t>ジドウ</t>
    </rPh>
    <rPh sb="7" eb="9">
      <t>ショグウ</t>
    </rPh>
    <rPh sb="9" eb="11">
      <t>ジョウキョウ</t>
    </rPh>
    <phoneticPr fontId="3"/>
  </si>
  <si>
    <t>（１）自立支援計画等</t>
    <rPh sb="3" eb="5">
      <t>ジリツ</t>
    </rPh>
    <rPh sb="5" eb="7">
      <t>シエン</t>
    </rPh>
    <rPh sb="7" eb="9">
      <t>ケイカク</t>
    </rPh>
    <rPh sb="9" eb="10">
      <t>トウ</t>
    </rPh>
    <phoneticPr fontId="3"/>
  </si>
  <si>
    <t>　区　　分</t>
    <rPh sb="1" eb="5">
      <t>クブン</t>
    </rPh>
    <phoneticPr fontId="3"/>
  </si>
  <si>
    <t>　自立支援計画</t>
    <rPh sb="1" eb="3">
      <t>ジリツ</t>
    </rPh>
    <rPh sb="3" eb="5">
      <t>シエン</t>
    </rPh>
    <rPh sb="5" eb="7">
      <t>ケイカク</t>
    </rPh>
    <phoneticPr fontId="3"/>
  </si>
  <si>
    <t>　自立支援計画の作成者</t>
    <rPh sb="1" eb="3">
      <t>ジリツ</t>
    </rPh>
    <rPh sb="3" eb="5">
      <t>シエン</t>
    </rPh>
    <rPh sb="5" eb="7">
      <t>ケイカク</t>
    </rPh>
    <rPh sb="8" eb="11">
      <t>サクセイシャ</t>
    </rPh>
    <phoneticPr fontId="3"/>
  </si>
  <si>
    <t>（職種）</t>
    <rPh sb="1" eb="3">
      <t>ショクシュ</t>
    </rPh>
    <phoneticPr fontId="3"/>
  </si>
  <si>
    <t xml:space="preserve">　　目標    </t>
    <rPh sb="2" eb="4">
      <t>モクヒョウ</t>
    </rPh>
    <phoneticPr fontId="3"/>
  </si>
  <si>
    <t>対　　象</t>
    <rPh sb="0" eb="1">
      <t>タイ</t>
    </rPh>
    <rPh sb="3" eb="4">
      <t>ゾウ</t>
    </rPh>
    <phoneticPr fontId="3"/>
  </si>
  <si>
    <t>全員　　・　　グループ　　・　　個別</t>
    <rPh sb="0" eb="2">
      <t>ゼンイン</t>
    </rPh>
    <rPh sb="16" eb="18">
      <t>コベツ</t>
    </rPh>
    <phoneticPr fontId="3"/>
  </si>
  <si>
    <t>その他（　　　　　　　　　　　　　　　　　　　　　　　　　　　　　　　　　　）</t>
    <rPh sb="2" eb="3">
      <t>ホカ</t>
    </rPh>
    <phoneticPr fontId="3"/>
  </si>
  <si>
    <t>時　　期</t>
    <rPh sb="0" eb="1">
      <t>トキ</t>
    </rPh>
    <rPh sb="3" eb="4">
      <t>キ</t>
    </rPh>
    <phoneticPr fontId="3"/>
  </si>
  <si>
    <t>　年　　・　　半期　　・　４半期　　・　月</t>
    <rPh sb="1" eb="2">
      <t>ネン</t>
    </rPh>
    <rPh sb="7" eb="9">
      <t>ハンキ</t>
    </rPh>
    <rPh sb="14" eb="16">
      <t>ハンキ</t>
    </rPh>
    <rPh sb="20" eb="21">
      <t>ツキ</t>
    </rPh>
    <phoneticPr fontId="3"/>
  </si>
  <si>
    <t>その他（　　　　　　　　　　　　　　　　　　　　　　　　　　　　　　　　　　　）</t>
    <rPh sb="2" eb="3">
      <t>ホカ</t>
    </rPh>
    <phoneticPr fontId="3"/>
  </si>
  <si>
    <t>　内　　容</t>
    <rPh sb="1" eb="2">
      <t>ウチ</t>
    </rPh>
    <rPh sb="4" eb="5">
      <t>カタチ</t>
    </rPh>
    <phoneticPr fontId="3"/>
  </si>
  <si>
    <t xml:space="preserve">                       具体的　・　抽象的</t>
    <rPh sb="23" eb="26">
      <t>グタイテキ</t>
    </rPh>
    <rPh sb="29" eb="32">
      <t>チュウショウテキ</t>
    </rPh>
    <phoneticPr fontId="3"/>
  </si>
  <si>
    <t>本人の意向</t>
    <rPh sb="0" eb="2">
      <t>ホンニン</t>
    </rPh>
    <rPh sb="3" eb="5">
      <t>イコウ</t>
    </rPh>
    <phoneticPr fontId="3"/>
  </si>
  <si>
    <t>設定</t>
    <rPh sb="0" eb="2">
      <t>セッテイ</t>
    </rPh>
    <phoneticPr fontId="3"/>
  </si>
  <si>
    <t>本人の意向確認方法</t>
    <rPh sb="0" eb="2">
      <t>ホンニン</t>
    </rPh>
    <rPh sb="3" eb="5">
      <t>イコウ</t>
    </rPh>
    <rPh sb="5" eb="7">
      <t>カクニン</t>
    </rPh>
    <rPh sb="7" eb="9">
      <t>ホウホウ</t>
    </rPh>
    <phoneticPr fontId="3"/>
  </si>
  <si>
    <t>（工夫している点）</t>
    <rPh sb="1" eb="3">
      <t>クフウ</t>
    </rPh>
    <rPh sb="7" eb="8">
      <t>テン</t>
    </rPh>
    <phoneticPr fontId="3"/>
  </si>
  <si>
    <t>記録書類</t>
    <rPh sb="0" eb="2">
      <t>キロク</t>
    </rPh>
    <rPh sb="2" eb="4">
      <t>ショルイ</t>
    </rPh>
    <phoneticPr fontId="3"/>
  </si>
  <si>
    <t>記録書類の名称</t>
    <rPh sb="0" eb="2">
      <t>キロク</t>
    </rPh>
    <rPh sb="2" eb="4">
      <t>ショルイ</t>
    </rPh>
    <rPh sb="5" eb="7">
      <t>メイショウ</t>
    </rPh>
    <phoneticPr fontId="3"/>
  </si>
  <si>
    <t>評価</t>
    <rPh sb="0" eb="1">
      <t>ヒョウ</t>
    </rPh>
    <rPh sb="1" eb="2">
      <t>アタイ</t>
    </rPh>
    <phoneticPr fontId="3"/>
  </si>
  <si>
    <t xml:space="preserve"> 時    期</t>
    <rPh sb="1" eb="2">
      <t>トキ</t>
    </rPh>
    <rPh sb="6" eb="7">
      <t>キ</t>
    </rPh>
    <phoneticPr fontId="3"/>
  </si>
  <si>
    <t>　年　・　半期　・　４半期　・　月　・　その他</t>
    <rPh sb="1" eb="2">
      <t>ネン</t>
    </rPh>
    <rPh sb="5" eb="7">
      <t>ハンキ</t>
    </rPh>
    <rPh sb="11" eb="13">
      <t>ハンキ</t>
    </rPh>
    <rPh sb="16" eb="17">
      <t>ツキ</t>
    </rPh>
    <rPh sb="22" eb="23">
      <t>タ</t>
    </rPh>
    <phoneticPr fontId="3"/>
  </si>
  <si>
    <t>会     議</t>
    <rPh sb="0" eb="1">
      <t>カイ</t>
    </rPh>
    <rPh sb="6" eb="7">
      <t>ギ</t>
    </rPh>
    <phoneticPr fontId="3"/>
  </si>
  <si>
    <t>　　最高　　　　　　　　　　回／年</t>
    <rPh sb="2" eb="4">
      <t>サイコウ</t>
    </rPh>
    <rPh sb="14" eb="15">
      <t>カイ</t>
    </rPh>
    <rPh sb="16" eb="17">
      <t>ネン</t>
    </rPh>
    <phoneticPr fontId="3"/>
  </si>
  <si>
    <t>（１ケースあたり）</t>
    <phoneticPr fontId="3"/>
  </si>
  <si>
    <t>　　最低　　　　　　　　　　回／年</t>
    <rPh sb="2" eb="4">
      <t>サイテイ</t>
    </rPh>
    <rPh sb="14" eb="15">
      <t>カイ</t>
    </rPh>
    <rPh sb="16" eb="17">
      <t>ネン</t>
    </rPh>
    <phoneticPr fontId="3"/>
  </si>
  <si>
    <t>目標達成度がわかる</t>
    <rPh sb="0" eb="2">
      <t>モクヒョウ</t>
    </rPh>
    <rPh sb="2" eb="5">
      <t>タッセイド</t>
    </rPh>
    <phoneticPr fontId="3"/>
  </si>
  <si>
    <t>　記録（文書名　　　　　　　　　　　　　　　　　　　　）で</t>
    <rPh sb="1" eb="3">
      <t>キロク</t>
    </rPh>
    <rPh sb="4" eb="7">
      <t>ブンショメイ</t>
    </rPh>
    <phoneticPr fontId="3"/>
  </si>
  <si>
    <t>　　わかる　　・　　わからない</t>
    <phoneticPr fontId="3"/>
  </si>
  <si>
    <t>問題点の確認ができる</t>
    <rPh sb="0" eb="3">
      <t>モンダイテン</t>
    </rPh>
    <rPh sb="4" eb="6">
      <t>カクニン</t>
    </rPh>
    <phoneticPr fontId="3"/>
  </si>
  <si>
    <t>　　確認できる　　・　　確認できない</t>
    <rPh sb="2" eb="4">
      <t>カクニン</t>
    </rPh>
    <rPh sb="12" eb="14">
      <t>カクニン</t>
    </rPh>
    <phoneticPr fontId="3"/>
  </si>
  <si>
    <t>評価会議等への本人参加</t>
    <rPh sb="0" eb="2">
      <t>ヒョウカ</t>
    </rPh>
    <rPh sb="2" eb="4">
      <t>カイギ</t>
    </rPh>
    <rPh sb="4" eb="5">
      <t>トウ</t>
    </rPh>
    <rPh sb="7" eb="9">
      <t>ホンニン</t>
    </rPh>
    <rPh sb="9" eb="11">
      <t>サンカ</t>
    </rPh>
    <phoneticPr fontId="3"/>
  </si>
  <si>
    <t>次回目標設定を行う際の留意点</t>
    <rPh sb="0" eb="2">
      <t>ジカイ</t>
    </rPh>
    <rPh sb="2" eb="4">
      <t>モクヒョウ</t>
    </rPh>
    <rPh sb="4" eb="6">
      <t>セッテイ</t>
    </rPh>
    <rPh sb="7" eb="8">
      <t>オコナ</t>
    </rPh>
    <rPh sb="9" eb="10">
      <t>サイ</t>
    </rPh>
    <rPh sb="11" eb="14">
      <t>リュウイテン</t>
    </rPh>
    <phoneticPr fontId="3"/>
  </si>
  <si>
    <t>　　評価会議における児童相談所
　　担当者との連携方法等につい
　　ての一連の流れの記載</t>
    <rPh sb="2" eb="4">
      <t>ヒョウカ</t>
    </rPh>
    <rPh sb="4" eb="6">
      <t>カイギ</t>
    </rPh>
    <rPh sb="10" eb="12">
      <t>ジドウ</t>
    </rPh>
    <rPh sb="12" eb="14">
      <t>ソウダン</t>
    </rPh>
    <rPh sb="14" eb="15">
      <t>ジョ</t>
    </rPh>
    <rPh sb="18" eb="19">
      <t>タン</t>
    </rPh>
    <rPh sb="19" eb="20">
      <t>トウ</t>
    </rPh>
    <rPh sb="20" eb="21">
      <t>シャ</t>
    </rPh>
    <rPh sb="23" eb="25">
      <t>レンケイ</t>
    </rPh>
    <rPh sb="25" eb="28">
      <t>ホウホウナド</t>
    </rPh>
    <rPh sb="36" eb="38">
      <t>イチレン</t>
    </rPh>
    <rPh sb="39" eb="40">
      <t>ナガ</t>
    </rPh>
    <rPh sb="42" eb="44">
      <t>キサイ</t>
    </rPh>
    <phoneticPr fontId="3"/>
  </si>
  <si>
    <t>　　自立支援計画等の入所児童に
　　係る書類の保管・管理体制</t>
    <rPh sb="2" eb="4">
      <t>ジリツ</t>
    </rPh>
    <rPh sb="4" eb="6">
      <t>シエン</t>
    </rPh>
    <rPh sb="6" eb="8">
      <t>ケイカク</t>
    </rPh>
    <rPh sb="8" eb="9">
      <t>トウ</t>
    </rPh>
    <rPh sb="10" eb="12">
      <t>ニュウショ</t>
    </rPh>
    <rPh sb="12" eb="14">
      <t>ジドウ</t>
    </rPh>
    <rPh sb="18" eb="19">
      <t>カカ</t>
    </rPh>
    <rPh sb="20" eb="22">
      <t>ショルイ</t>
    </rPh>
    <rPh sb="23" eb="25">
      <t>ホカン</t>
    </rPh>
    <rPh sb="26" eb="28">
      <t>カンリ</t>
    </rPh>
    <rPh sb="28" eb="30">
      <t>タイセイ</t>
    </rPh>
    <phoneticPr fontId="3"/>
  </si>
  <si>
    <t>（２）児童の意見表明</t>
    <rPh sb="3" eb="5">
      <t>ジドウ</t>
    </rPh>
    <rPh sb="6" eb="8">
      <t>イケン</t>
    </rPh>
    <rPh sb="8" eb="10">
      <t>ヒョウメイ</t>
    </rPh>
    <phoneticPr fontId="3"/>
  </si>
  <si>
    <t>児童の意見表明の機会</t>
    <rPh sb="0" eb="2">
      <t>ジドウ</t>
    </rPh>
    <rPh sb="3" eb="5">
      <t>イケン</t>
    </rPh>
    <rPh sb="5" eb="7">
      <t>ヒョウメイ</t>
    </rPh>
    <rPh sb="8" eb="10">
      <t>キカイ</t>
    </rPh>
    <phoneticPr fontId="3"/>
  </si>
  <si>
    <t>　　児童会　　　・　　その他（　　　　　　　　　　　　　　　　　　　　　　　　）</t>
    <rPh sb="2" eb="5">
      <t>ジドウカイ</t>
    </rPh>
    <rPh sb="13" eb="14">
      <t>タ</t>
    </rPh>
    <phoneticPr fontId="3"/>
  </si>
  <si>
    <t>児童等から出された意見・要望</t>
    <rPh sb="0" eb="2">
      <t>ジドウ</t>
    </rPh>
    <rPh sb="2" eb="3">
      <t>トウ</t>
    </rPh>
    <rPh sb="5" eb="6">
      <t>ダ</t>
    </rPh>
    <rPh sb="9" eb="11">
      <t>イケン</t>
    </rPh>
    <rPh sb="12" eb="14">
      <t>ヨウボウ</t>
    </rPh>
    <phoneticPr fontId="3"/>
  </si>
  <si>
    <t>（具体的に記載）</t>
    <rPh sb="1" eb="4">
      <t>グタイテキ</t>
    </rPh>
    <rPh sb="5" eb="7">
      <t>キサイ</t>
    </rPh>
    <phoneticPr fontId="3"/>
  </si>
  <si>
    <t>に対する施設の対応</t>
    <rPh sb="1" eb="2">
      <t>タイ</t>
    </rPh>
    <rPh sb="4" eb="6">
      <t>シセツ</t>
    </rPh>
    <rPh sb="7" eb="9">
      <t>タイオウ</t>
    </rPh>
    <phoneticPr fontId="3"/>
  </si>
  <si>
    <t>意見・要望への具体的な対応</t>
    <rPh sb="0" eb="2">
      <t>イケン</t>
    </rPh>
    <rPh sb="3" eb="5">
      <t>ヨウボウ</t>
    </rPh>
    <rPh sb="7" eb="10">
      <t>グタイテキ</t>
    </rPh>
    <rPh sb="11" eb="13">
      <t>タイオウ</t>
    </rPh>
    <phoneticPr fontId="3"/>
  </si>
  <si>
    <t>（３）児童の支援状況　※具体的な支援状況について、記載してください。</t>
    <rPh sb="3" eb="5">
      <t>ジドウ</t>
    </rPh>
    <rPh sb="6" eb="8">
      <t>シエン</t>
    </rPh>
    <rPh sb="8" eb="10">
      <t>ジョウキョウ</t>
    </rPh>
    <rPh sb="12" eb="15">
      <t>グタイテキ</t>
    </rPh>
    <rPh sb="16" eb="18">
      <t>シエン</t>
    </rPh>
    <rPh sb="18" eb="20">
      <t>ジョウキョウ</t>
    </rPh>
    <rPh sb="25" eb="27">
      <t>キサイ</t>
    </rPh>
    <phoneticPr fontId="3"/>
  </si>
  <si>
    <t xml:space="preserve">
○学習支援の具体的な取組、支援状況
○その他の児童支援の状況</t>
    <rPh sb="2" eb="4">
      <t>ガクシュウ</t>
    </rPh>
    <rPh sb="4" eb="6">
      <t>シエン</t>
    </rPh>
    <rPh sb="7" eb="10">
      <t>グタイテキ</t>
    </rPh>
    <rPh sb="11" eb="13">
      <t>トリクミ</t>
    </rPh>
    <rPh sb="14" eb="16">
      <t>シエン</t>
    </rPh>
    <rPh sb="16" eb="18">
      <t>ジョウキョウ</t>
    </rPh>
    <rPh sb="41" eb="42">
      <t>タ</t>
    </rPh>
    <rPh sb="43" eb="45">
      <t>ジドウ</t>
    </rPh>
    <rPh sb="45" eb="47">
      <t>シエン</t>
    </rPh>
    <rPh sb="48" eb="50">
      <t>ジョウキョウ</t>
    </rPh>
    <phoneticPr fontId="3"/>
  </si>
  <si>
    <t>（４）乳幼児突然死症候群の事故防止対策（※　該当施設のみ）</t>
    <rPh sb="3" eb="6">
      <t>ニュウヨウジ</t>
    </rPh>
    <rPh sb="6" eb="9">
      <t>トツゼンシ</t>
    </rPh>
    <rPh sb="9" eb="12">
      <t>ショウコウグン</t>
    </rPh>
    <rPh sb="13" eb="15">
      <t>ジコ</t>
    </rPh>
    <rPh sb="15" eb="17">
      <t>ボウシ</t>
    </rPh>
    <rPh sb="17" eb="19">
      <t>タイサク</t>
    </rPh>
    <rPh sb="22" eb="24">
      <t>ガイトウ</t>
    </rPh>
    <rPh sb="24" eb="26">
      <t>シセツ</t>
    </rPh>
    <phoneticPr fontId="3"/>
  </si>
  <si>
    <t>　チェック表の活用</t>
    <rPh sb="5" eb="6">
      <t>ヒョウ</t>
    </rPh>
    <rPh sb="7" eb="9">
      <t>カツヨウ</t>
    </rPh>
    <phoneticPr fontId="3"/>
  </si>
  <si>
    <t>・</t>
    <phoneticPr fontId="3"/>
  </si>
  <si>
    <t>（乳幼児突然死症候群の事故防止について配慮している状況について記載）</t>
    <rPh sb="1" eb="4">
      <t>ニュウヨウジ</t>
    </rPh>
    <rPh sb="4" eb="7">
      <t>トツゼンシ</t>
    </rPh>
    <rPh sb="7" eb="10">
      <t>ショウコウグン</t>
    </rPh>
    <rPh sb="11" eb="13">
      <t>ジコ</t>
    </rPh>
    <rPh sb="13" eb="15">
      <t>ボウシ</t>
    </rPh>
    <rPh sb="19" eb="21">
      <t>ハイリョ</t>
    </rPh>
    <rPh sb="25" eb="27">
      <t>ジョウキョウ</t>
    </rPh>
    <rPh sb="31" eb="33">
      <t>キサイ</t>
    </rPh>
    <phoneticPr fontId="3"/>
  </si>
  <si>
    <t>（５）事故報告書等の作成</t>
    <rPh sb="3" eb="5">
      <t>ジコ</t>
    </rPh>
    <rPh sb="5" eb="8">
      <t>ホウコクショ</t>
    </rPh>
    <rPh sb="8" eb="9">
      <t>トウ</t>
    </rPh>
    <rPh sb="10" eb="12">
      <t>サクセイ</t>
    </rPh>
    <phoneticPr fontId="3"/>
  </si>
  <si>
    <t>　　　・事故への対応等の要領（基準）</t>
    <rPh sb="4" eb="6">
      <t>ジコ</t>
    </rPh>
    <rPh sb="8" eb="10">
      <t>タイオウ</t>
    </rPh>
    <rPh sb="10" eb="11">
      <t>トウ</t>
    </rPh>
    <rPh sb="12" eb="14">
      <t>ヨウリョウ</t>
    </rPh>
    <rPh sb="15" eb="17">
      <t>キジュン</t>
    </rPh>
    <phoneticPr fontId="3"/>
  </si>
  <si>
    <t>　　　・事故報告書有無</t>
    <rPh sb="4" eb="9">
      <t>ジコホウコクショ</t>
    </rPh>
    <rPh sb="9" eb="11">
      <t>ウム</t>
    </rPh>
    <phoneticPr fontId="3"/>
  </si>
  <si>
    <t>※　有の場合は、報告書様式を添付してください。</t>
    <rPh sb="2" eb="3">
      <t>ア</t>
    </rPh>
    <rPh sb="4" eb="6">
      <t>バアイ</t>
    </rPh>
    <rPh sb="8" eb="11">
      <t>ホウコクショ</t>
    </rPh>
    <rPh sb="11" eb="13">
      <t>ヨウシキ</t>
    </rPh>
    <rPh sb="14" eb="16">
      <t>テンプ</t>
    </rPh>
    <phoneticPr fontId="3"/>
  </si>
  <si>
    <t>　　　・事故報告書を作成するのはどのような場合ですか</t>
    <rPh sb="4" eb="6">
      <t>ジコ</t>
    </rPh>
    <rPh sb="6" eb="9">
      <t>ホウコクショ</t>
    </rPh>
    <rPh sb="10" eb="12">
      <t>サクセイ</t>
    </rPh>
    <rPh sb="21" eb="23">
      <t>バアイ</t>
    </rPh>
    <phoneticPr fontId="3"/>
  </si>
  <si>
    <t>（具体例・基準等）</t>
  </si>
  <si>
    <t>（６）事故の発生状況〈前年度〉</t>
    <rPh sb="3" eb="5">
      <t>ジコ</t>
    </rPh>
    <rPh sb="6" eb="8">
      <t>ハッセイ</t>
    </rPh>
    <rPh sb="8" eb="10">
      <t>ジョウキョウ</t>
    </rPh>
    <rPh sb="11" eb="14">
      <t>ゼンネンド</t>
    </rPh>
    <phoneticPr fontId="3"/>
  </si>
  <si>
    <t>＊施設で「事故」として対応した案件数について記載してください。</t>
    <rPh sb="1" eb="3">
      <t>シセツ</t>
    </rPh>
    <rPh sb="5" eb="7">
      <t>ジコ</t>
    </rPh>
    <rPh sb="11" eb="13">
      <t>タイオウ</t>
    </rPh>
    <rPh sb="15" eb="17">
      <t>アンケン</t>
    </rPh>
    <rPh sb="17" eb="18">
      <t>スウ</t>
    </rPh>
    <rPh sb="22" eb="24">
      <t>キサイ</t>
    </rPh>
    <phoneticPr fontId="3"/>
  </si>
  <si>
    <t>通院治療</t>
    <rPh sb="0" eb="2">
      <t>ツウイン</t>
    </rPh>
    <rPh sb="2" eb="4">
      <t>チリョウ</t>
    </rPh>
    <phoneticPr fontId="3"/>
  </si>
  <si>
    <t>入院治療</t>
    <rPh sb="0" eb="4">
      <t>ニュウインチリョウ</t>
    </rPh>
    <phoneticPr fontId="3"/>
  </si>
  <si>
    <t>死　亡</t>
    <rPh sb="0" eb="3">
      <t>シボウ</t>
    </rPh>
    <phoneticPr fontId="3"/>
  </si>
  <si>
    <t>男</t>
    <rPh sb="0" eb="1">
      <t>オトコ</t>
    </rPh>
    <phoneticPr fontId="4"/>
  </si>
  <si>
    <t>件</t>
    <rPh sb="0" eb="1">
      <t>ケン</t>
    </rPh>
    <phoneticPr fontId="3"/>
  </si>
  <si>
    <t>女</t>
    <rPh sb="0" eb="1">
      <t>オンナ</t>
    </rPh>
    <phoneticPr fontId="4"/>
  </si>
  <si>
    <t>計</t>
    <rPh sb="0" eb="1">
      <t>ケイ</t>
    </rPh>
    <phoneticPr fontId="4"/>
  </si>
  <si>
    <t>年月日</t>
    <rPh sb="0" eb="3">
      <t>ネンガッピ</t>
    </rPh>
    <phoneticPr fontId="3"/>
  </si>
  <si>
    <t>児童名　　　　　（イニシャル）</t>
    <rPh sb="0" eb="2">
      <t>ジドウ</t>
    </rPh>
    <rPh sb="2" eb="3">
      <t>メイ</t>
    </rPh>
    <phoneticPr fontId="3"/>
  </si>
  <si>
    <t>クラス名　　　及び年齢</t>
    <rPh sb="3" eb="4">
      <t>メイ</t>
    </rPh>
    <rPh sb="7" eb="8">
      <t>オヨ</t>
    </rPh>
    <rPh sb="9" eb="11">
      <t>ネンレイ</t>
    </rPh>
    <phoneticPr fontId="3"/>
  </si>
  <si>
    <t>事故の内容及び原因</t>
    <rPh sb="0" eb="2">
      <t>ジコ</t>
    </rPh>
    <rPh sb="3" eb="5">
      <t>ナイヨウ</t>
    </rPh>
    <rPh sb="5" eb="6">
      <t>オヨ</t>
    </rPh>
    <rPh sb="7" eb="9">
      <t>ゲンイン</t>
    </rPh>
    <phoneticPr fontId="3"/>
  </si>
  <si>
    <t>事故報告書等有無</t>
    <rPh sb="0" eb="2">
      <t>ジコ</t>
    </rPh>
    <rPh sb="2" eb="5">
      <t>ホウコクショ</t>
    </rPh>
    <rPh sb="5" eb="6">
      <t>トウ</t>
    </rPh>
    <rPh sb="6" eb="8">
      <t>ウム</t>
    </rPh>
    <phoneticPr fontId="3"/>
  </si>
  <si>
    <t>関係先への連絡</t>
    <rPh sb="0" eb="2">
      <t>カンケイ</t>
    </rPh>
    <rPh sb="2" eb="3">
      <t>サキ</t>
    </rPh>
    <rPh sb="5" eb="7">
      <t>レンラク</t>
    </rPh>
    <phoneticPr fontId="3"/>
  </si>
  <si>
    <t>　年 　月 　日</t>
    <rPh sb="1" eb="8">
      <t>ネンガッピ</t>
    </rPh>
    <phoneticPr fontId="3"/>
  </si>
  <si>
    <t>歳</t>
    <rPh sb="0" eb="1">
      <t>サイ</t>
    </rPh>
    <phoneticPr fontId="3"/>
  </si>
  <si>
    <t>　年 　月 　日</t>
  </si>
  <si>
    <t>　年 　月 　日</t>
    <phoneticPr fontId="3"/>
  </si>
  <si>
    <t>（８）事故の対応と防止策等について</t>
    <rPh sb="3" eb="5">
      <t>ジコ</t>
    </rPh>
    <rPh sb="6" eb="8">
      <t>タイオウ</t>
    </rPh>
    <rPh sb="9" eb="11">
      <t>ボウシ</t>
    </rPh>
    <rPh sb="11" eb="12">
      <t>サク</t>
    </rPh>
    <rPh sb="12" eb="13">
      <t>トウ</t>
    </rPh>
    <phoneticPr fontId="3"/>
  </si>
  <si>
    <t>　事故が起きた時の家族等への連絡時期　（複数回答可）</t>
    <rPh sb="1" eb="3">
      <t>ジコ</t>
    </rPh>
    <rPh sb="4" eb="5">
      <t>オ</t>
    </rPh>
    <rPh sb="7" eb="8">
      <t>トキ</t>
    </rPh>
    <rPh sb="9" eb="11">
      <t>カゾク</t>
    </rPh>
    <rPh sb="11" eb="12">
      <t>トウ</t>
    </rPh>
    <rPh sb="14" eb="16">
      <t>レンラク</t>
    </rPh>
    <rPh sb="16" eb="18">
      <t>ジキ</t>
    </rPh>
    <rPh sb="20" eb="22">
      <t>フクスウ</t>
    </rPh>
    <rPh sb="22" eb="24">
      <t>カイトウ</t>
    </rPh>
    <rPh sb="24" eb="25">
      <t>カ</t>
    </rPh>
    <phoneticPr fontId="3"/>
  </si>
  <si>
    <t>　　事故直後　　　医療機関受診後　　　その他（　　　　　　　　　　　　　　　　　）</t>
    <rPh sb="2" eb="4">
      <t>ジコ</t>
    </rPh>
    <rPh sb="4" eb="6">
      <t>チョクゴ</t>
    </rPh>
    <rPh sb="9" eb="11">
      <t>イリョウ</t>
    </rPh>
    <rPh sb="11" eb="13">
      <t>キカン</t>
    </rPh>
    <rPh sb="13" eb="15">
      <t>ジュシン</t>
    </rPh>
    <rPh sb="15" eb="16">
      <t>ゴ</t>
    </rPh>
    <rPh sb="19" eb="22">
      <t>ソノタ</t>
    </rPh>
    <phoneticPr fontId="3"/>
  </si>
  <si>
    <t>事故再発防止策の検討状況</t>
    <rPh sb="0" eb="2">
      <t>ジコ</t>
    </rPh>
    <rPh sb="2" eb="4">
      <t>サイハツ</t>
    </rPh>
    <rPh sb="4" eb="7">
      <t>ボウシサク</t>
    </rPh>
    <rPh sb="8" eb="10">
      <t>ケントウ</t>
    </rPh>
    <rPh sb="10" eb="12">
      <t>ジョウキョウ</t>
    </rPh>
    <phoneticPr fontId="3"/>
  </si>
  <si>
    <t>（具体的に記載…○○会議で検討など）</t>
    <rPh sb="1" eb="4">
      <t>グタイテキ</t>
    </rPh>
    <rPh sb="5" eb="7">
      <t>キサイ</t>
    </rPh>
    <rPh sb="10" eb="12">
      <t>カイギ</t>
    </rPh>
    <rPh sb="13" eb="15">
      <t>ケントウ</t>
    </rPh>
    <phoneticPr fontId="3"/>
  </si>
  <si>
    <t>事故未然防止策の</t>
    <rPh sb="0" eb="2">
      <t>ジコ</t>
    </rPh>
    <rPh sb="2" eb="4">
      <t>ミゼン</t>
    </rPh>
    <rPh sb="4" eb="6">
      <t>ボウシ</t>
    </rPh>
    <rPh sb="6" eb="7">
      <t>サク</t>
    </rPh>
    <phoneticPr fontId="3"/>
  </si>
  <si>
    <t>（具体的に記載…ヒヤリ・ハット事例綴り作成など）</t>
    <rPh sb="1" eb="4">
      <t>グタイテキ</t>
    </rPh>
    <rPh sb="5" eb="7">
      <t>キサイ</t>
    </rPh>
    <rPh sb="15" eb="17">
      <t>ジレイ</t>
    </rPh>
    <rPh sb="17" eb="18">
      <t>ツヅ</t>
    </rPh>
    <rPh sb="19" eb="21">
      <t>サクセイ</t>
    </rPh>
    <phoneticPr fontId="3"/>
  </si>
  <si>
    <t>　　　　 取組み状況</t>
    <rPh sb="5" eb="7">
      <t>トリク</t>
    </rPh>
    <rPh sb="8" eb="10">
      <t>ジョウキョウ</t>
    </rPh>
    <phoneticPr fontId="3"/>
  </si>
  <si>
    <t>　事故（未然又は再発）防止策の具体的な事例</t>
    <rPh sb="1" eb="3">
      <t>ジコ</t>
    </rPh>
    <rPh sb="4" eb="6">
      <t>ミゼン</t>
    </rPh>
    <rPh sb="6" eb="7">
      <t>マタ</t>
    </rPh>
    <rPh sb="8" eb="10">
      <t>サイハツ</t>
    </rPh>
    <rPh sb="11" eb="13">
      <t>ボウシ</t>
    </rPh>
    <rPh sb="13" eb="14">
      <t>サク</t>
    </rPh>
    <rPh sb="15" eb="18">
      <t>グタイテキ</t>
    </rPh>
    <rPh sb="19" eb="21">
      <t>ジレイ</t>
    </rPh>
    <phoneticPr fontId="3"/>
  </si>
  <si>
    <t>　事故防止策の職員への周知徹底方法</t>
    <rPh sb="1" eb="3">
      <t>ジコ</t>
    </rPh>
    <rPh sb="3" eb="6">
      <t>ボウシサク</t>
    </rPh>
    <rPh sb="7" eb="9">
      <t>ショクイン</t>
    </rPh>
    <rPh sb="11" eb="13">
      <t>シュウチ</t>
    </rPh>
    <rPh sb="13" eb="15">
      <t>テッテイ</t>
    </rPh>
    <rPh sb="15" eb="17">
      <t>ホウホウ</t>
    </rPh>
    <phoneticPr fontId="3"/>
  </si>
  <si>
    <t>（９）医薬品等にかかる安全管理の体制</t>
    <rPh sb="3" eb="6">
      <t>イヤクヒン</t>
    </rPh>
    <rPh sb="6" eb="7">
      <t>トウ</t>
    </rPh>
    <rPh sb="11" eb="13">
      <t>アンゼン</t>
    </rPh>
    <rPh sb="13" eb="15">
      <t>カンリ</t>
    </rPh>
    <rPh sb="16" eb="18">
      <t>タイセイ</t>
    </rPh>
    <phoneticPr fontId="3"/>
  </si>
  <si>
    <t>（医薬品等管理について工夫をしている等具体的に記載）</t>
    <rPh sb="1" eb="4">
      <t>イヤクヒン</t>
    </rPh>
    <rPh sb="4" eb="5">
      <t>トウ</t>
    </rPh>
    <rPh sb="5" eb="7">
      <t>カンリ</t>
    </rPh>
    <rPh sb="11" eb="13">
      <t>クフウ</t>
    </rPh>
    <rPh sb="18" eb="19">
      <t>トウ</t>
    </rPh>
    <rPh sb="19" eb="22">
      <t>グタイテキ</t>
    </rPh>
    <rPh sb="23" eb="25">
      <t>キサイ</t>
    </rPh>
    <phoneticPr fontId="3"/>
  </si>
  <si>
    <t>（１０）退所児童のアフターケア</t>
    <rPh sb="4" eb="6">
      <t>タイショ</t>
    </rPh>
    <rPh sb="6" eb="8">
      <t>ジドウ</t>
    </rPh>
    <phoneticPr fontId="3"/>
  </si>
  <si>
    <t>（退所児童のアフターケアについて具体的に記載）</t>
    <rPh sb="1" eb="3">
      <t>タイショ</t>
    </rPh>
    <rPh sb="3" eb="5">
      <t>ジドウ</t>
    </rPh>
    <rPh sb="16" eb="19">
      <t>グタイテキ</t>
    </rPh>
    <rPh sb="20" eb="22">
      <t>キサイ</t>
    </rPh>
    <phoneticPr fontId="3"/>
  </si>
  <si>
    <t>4  関係機関との連携</t>
    <rPh sb="3" eb="5">
      <t>カンケイ</t>
    </rPh>
    <rPh sb="5" eb="7">
      <t>キカン</t>
    </rPh>
    <rPh sb="9" eb="11">
      <t>レンケイ</t>
    </rPh>
    <phoneticPr fontId="3"/>
  </si>
  <si>
    <t>（１）児童相談所、連絡会の開催状況　（処遇困難等による協議も含む）</t>
    <rPh sb="3" eb="5">
      <t>ジドウ</t>
    </rPh>
    <rPh sb="5" eb="8">
      <t>ソウダンショ</t>
    </rPh>
    <rPh sb="9" eb="12">
      <t>レンラクカイ</t>
    </rPh>
    <rPh sb="13" eb="15">
      <t>カイサイ</t>
    </rPh>
    <rPh sb="15" eb="17">
      <t>ジョウキョウ</t>
    </rPh>
    <rPh sb="19" eb="21">
      <t>ショグウ</t>
    </rPh>
    <rPh sb="21" eb="23">
      <t>コンナン</t>
    </rPh>
    <rPh sb="23" eb="24">
      <t>トウ</t>
    </rPh>
    <rPh sb="27" eb="29">
      <t>キョウギ</t>
    </rPh>
    <rPh sb="30" eb="31">
      <t>フク</t>
    </rPh>
    <phoneticPr fontId="3"/>
  </si>
  <si>
    <t>児童相談所名</t>
    <rPh sb="0" eb="2">
      <t>ジドウ</t>
    </rPh>
    <rPh sb="2" eb="5">
      <t>ソウダンショ</t>
    </rPh>
    <rPh sb="5" eb="6">
      <t>メイ</t>
    </rPh>
    <phoneticPr fontId="3"/>
  </si>
  <si>
    <t>内　　容</t>
    <rPh sb="0" eb="4">
      <t>ナイヨウ</t>
    </rPh>
    <phoneticPr fontId="3"/>
  </si>
  <si>
    <t>（２）学校との連絡</t>
    <rPh sb="3" eb="5">
      <t>ガッコウ</t>
    </rPh>
    <rPh sb="7" eb="9">
      <t>レンラク</t>
    </rPh>
    <phoneticPr fontId="3"/>
  </si>
  <si>
    <t>（３）保護者との連絡</t>
    <rPh sb="3" eb="6">
      <t>ホゴシャ</t>
    </rPh>
    <rPh sb="8" eb="10">
      <t>レンラク</t>
    </rPh>
    <phoneticPr fontId="3"/>
  </si>
  <si>
    <t>第４　給食関係</t>
    <rPh sb="0" eb="1">
      <t>ダイ</t>
    </rPh>
    <rPh sb="3" eb="5">
      <t>キュウショク</t>
    </rPh>
    <rPh sb="5" eb="7">
      <t>カンケイ</t>
    </rPh>
    <phoneticPr fontId="3"/>
  </si>
  <si>
    <t>参考</t>
    <rPh sb="0" eb="2">
      <t>サンコウ</t>
    </rPh>
    <phoneticPr fontId="3"/>
  </si>
  <si>
    <t xml:space="preserve">「児童福祉施設における食事の提供に関する援助及び指導について（雇児発0330第8号・障発0330第10号）」
</t>
    <rPh sb="1" eb="3">
      <t>ジドウ</t>
    </rPh>
    <rPh sb="3" eb="5">
      <t>フクシ</t>
    </rPh>
    <rPh sb="5" eb="7">
      <t>シセツ</t>
    </rPh>
    <rPh sb="11" eb="13">
      <t>ショクジ</t>
    </rPh>
    <rPh sb="14" eb="16">
      <t>テイキョウ</t>
    </rPh>
    <rPh sb="17" eb="18">
      <t>カン</t>
    </rPh>
    <rPh sb="20" eb="22">
      <t>エンジョ</t>
    </rPh>
    <rPh sb="22" eb="23">
      <t>オヨ</t>
    </rPh>
    <rPh sb="24" eb="26">
      <t>シドウ</t>
    </rPh>
    <rPh sb="31" eb="32">
      <t>コ</t>
    </rPh>
    <rPh sb="32" eb="33">
      <t>ジ</t>
    </rPh>
    <rPh sb="33" eb="34">
      <t>ハツ</t>
    </rPh>
    <rPh sb="38" eb="39">
      <t>ダイ</t>
    </rPh>
    <rPh sb="40" eb="41">
      <t>ゴウ</t>
    </rPh>
    <rPh sb="42" eb="43">
      <t>ショウ</t>
    </rPh>
    <rPh sb="43" eb="44">
      <t>ハツ</t>
    </rPh>
    <rPh sb="48" eb="49">
      <t>ダイ</t>
    </rPh>
    <rPh sb="51" eb="52">
      <t>ゴウ</t>
    </rPh>
    <phoneticPr fontId="3"/>
  </si>
  <si>
    <t>「児童福祉施設における『食事摂取基準』を活用した食事計画について（雇児母発第0330第1号）」</t>
    <rPh sb="12" eb="14">
      <t>ショクジ</t>
    </rPh>
    <rPh sb="14" eb="16">
      <t>セッシュ</t>
    </rPh>
    <rPh sb="16" eb="18">
      <t>キジュン</t>
    </rPh>
    <rPh sb="20" eb="22">
      <t>カツヨウ</t>
    </rPh>
    <rPh sb="24" eb="26">
      <t>ショクジ</t>
    </rPh>
    <rPh sb="26" eb="28">
      <t>ケイカク</t>
    </rPh>
    <rPh sb="33" eb="34">
      <t>コ</t>
    </rPh>
    <rPh sb="34" eb="35">
      <t>ジ</t>
    </rPh>
    <rPh sb="35" eb="36">
      <t>ボ</t>
    </rPh>
    <rPh sb="36" eb="37">
      <t>ハツ</t>
    </rPh>
    <rPh sb="37" eb="38">
      <t>ダイ</t>
    </rPh>
    <rPh sb="42" eb="43">
      <t>ダイ</t>
    </rPh>
    <rPh sb="44" eb="45">
      <t>ゴウ</t>
    </rPh>
    <phoneticPr fontId="3"/>
  </si>
  <si>
    <t>１　　給食に関する方針等（食育への取組、アレルギーへの対応等）</t>
    <rPh sb="3" eb="5">
      <t>キュウショク</t>
    </rPh>
    <rPh sb="6" eb="7">
      <t>カン</t>
    </rPh>
    <rPh sb="9" eb="11">
      <t>ホウシン</t>
    </rPh>
    <rPh sb="11" eb="12">
      <t>トウ</t>
    </rPh>
    <rPh sb="13" eb="14">
      <t>ショク</t>
    </rPh>
    <rPh sb="14" eb="15">
      <t>イク</t>
    </rPh>
    <rPh sb="17" eb="19">
      <t>トリクミ</t>
    </rPh>
    <rPh sb="27" eb="29">
      <t>タイオウ</t>
    </rPh>
    <rPh sb="29" eb="30">
      <t>トウ</t>
    </rPh>
    <phoneticPr fontId="3"/>
  </si>
  <si>
    <t>２　　給食の状況</t>
    <rPh sb="3" eb="5">
      <t>キュウショク</t>
    </rPh>
    <rPh sb="6" eb="8">
      <t>ジョウキョウ</t>
    </rPh>
    <phoneticPr fontId="3"/>
  </si>
  <si>
    <t>（１）　献　　立</t>
    <rPh sb="4" eb="5">
      <t>ケン</t>
    </rPh>
    <rPh sb="7" eb="8">
      <t>タテ</t>
    </rPh>
    <phoneticPr fontId="3"/>
  </si>
  <si>
    <t>ア　献立作成者</t>
    <rPh sb="2" eb="4">
      <t>コンダテ</t>
    </rPh>
    <rPh sb="4" eb="7">
      <t>サクセイシャ</t>
    </rPh>
    <phoneticPr fontId="3"/>
  </si>
  <si>
    <t xml:space="preserve">  栄養士  ・  その他 （     　　　）</t>
    <rPh sb="2" eb="5">
      <t>エイヨウシ</t>
    </rPh>
    <rPh sb="12" eb="13">
      <t>タ</t>
    </rPh>
    <phoneticPr fontId="3"/>
  </si>
  <si>
    <t>イ　献立表の整備</t>
    <rPh sb="2" eb="5">
      <t>コンダテヒョウ</t>
    </rPh>
    <rPh sb="6" eb="8">
      <t>セイビ</t>
    </rPh>
    <phoneticPr fontId="3"/>
  </si>
  <si>
    <t>ウ　献立表の保護者への配布状況</t>
    <rPh sb="2" eb="5">
      <t>コンダテヒョウ</t>
    </rPh>
    <rPh sb="6" eb="9">
      <t>ホゴシャ</t>
    </rPh>
    <rPh sb="11" eb="13">
      <t>ハイフ</t>
    </rPh>
    <rPh sb="13" eb="15">
      <t>ジョウキョウ</t>
    </rPh>
    <phoneticPr fontId="3"/>
  </si>
  <si>
    <t>エ　献立の変化度</t>
    <rPh sb="2" eb="4">
      <t>コンダテ</t>
    </rPh>
    <rPh sb="5" eb="7">
      <t>ヘンカ</t>
    </rPh>
    <rPh sb="7" eb="8">
      <t>ド</t>
    </rPh>
    <phoneticPr fontId="3"/>
  </si>
  <si>
    <t>（２）　給与栄養量</t>
    <rPh sb="4" eb="6">
      <t>キュウヨ</t>
    </rPh>
    <rPh sb="6" eb="9">
      <t>エイヨウリョウ</t>
    </rPh>
    <phoneticPr fontId="3"/>
  </si>
  <si>
    <t>ア　栄養量の計算</t>
    <rPh sb="2" eb="5">
      <t>エイヨウリョウ</t>
    </rPh>
    <rPh sb="6" eb="8">
      <t>ケイサン</t>
    </rPh>
    <phoneticPr fontId="3"/>
  </si>
  <si>
    <t>イ　給与栄養量は目標に達していますか</t>
    <rPh sb="2" eb="4">
      <t>キュウヨ</t>
    </rPh>
    <rPh sb="4" eb="7">
      <t>エイヨウリョウ</t>
    </rPh>
    <rPh sb="8" eb="10">
      <t>モクヒョウ</t>
    </rPh>
    <rPh sb="11" eb="12">
      <t>タッ</t>
    </rPh>
    <phoneticPr fontId="3"/>
  </si>
  <si>
    <t>（３）目標栄養量の設定</t>
    <rPh sb="3" eb="5">
      <t>モクヒョウ</t>
    </rPh>
    <rPh sb="5" eb="7">
      <t>エイヨウ</t>
    </rPh>
    <rPh sb="7" eb="8">
      <t>リョウ</t>
    </rPh>
    <rPh sb="9" eb="11">
      <t>セッテイ</t>
    </rPh>
    <phoneticPr fontId="3"/>
  </si>
  <si>
    <t>ア　目標栄養量の設定時期</t>
    <rPh sb="2" eb="4">
      <t>モクヒョウ</t>
    </rPh>
    <rPh sb="4" eb="6">
      <t>エイヨウ</t>
    </rPh>
    <rPh sb="6" eb="7">
      <t>リョウ</t>
    </rPh>
    <rPh sb="8" eb="10">
      <t>セッテイ</t>
    </rPh>
    <rPh sb="10" eb="12">
      <t>ジキ</t>
    </rPh>
    <phoneticPr fontId="3"/>
  </si>
  <si>
    <t>毎年　　　月</t>
    <rPh sb="0" eb="2">
      <t>マイトシ</t>
    </rPh>
    <rPh sb="5" eb="6">
      <t>ツキ</t>
    </rPh>
    <phoneticPr fontId="3"/>
  </si>
  <si>
    <t>その他（　　　　　　　　　　　　　　　　　　　）</t>
    <rPh sb="2" eb="3">
      <t>ホカ</t>
    </rPh>
    <phoneticPr fontId="3"/>
  </si>
  <si>
    <t>イ　提供栄養量の設定方法</t>
    <rPh sb="2" eb="4">
      <t>テイキョウ</t>
    </rPh>
    <rPh sb="4" eb="6">
      <t>エイヨウ</t>
    </rPh>
    <rPh sb="6" eb="7">
      <t>リョウ</t>
    </rPh>
    <rPh sb="8" eb="10">
      <t>セッテイ</t>
    </rPh>
    <rPh sb="10" eb="12">
      <t>ホウホウ</t>
    </rPh>
    <phoneticPr fontId="3"/>
  </si>
  <si>
    <t>年齢別に区分</t>
    <rPh sb="0" eb="2">
      <t>ネンレイ</t>
    </rPh>
    <rPh sb="2" eb="3">
      <t>ベツ</t>
    </rPh>
    <rPh sb="4" eb="6">
      <t>クブン</t>
    </rPh>
    <phoneticPr fontId="3"/>
  </si>
  <si>
    <t>（具体的に記載）</t>
    <phoneticPr fontId="3"/>
  </si>
  <si>
    <t>平均年齢により算定</t>
    <phoneticPr fontId="3"/>
  </si>
  <si>
    <t>（低年齢児への配慮について記載）</t>
    <phoneticPr fontId="3"/>
  </si>
  <si>
    <t>（４）給食実施状況</t>
    <rPh sb="3" eb="5">
      <t>キュウショク</t>
    </rPh>
    <rPh sb="5" eb="7">
      <t>ジッシ</t>
    </rPh>
    <rPh sb="7" eb="9">
      <t>ジョウキョウ</t>
    </rPh>
    <phoneticPr fontId="3"/>
  </si>
  <si>
    <t>①　食事等の時間</t>
    <rPh sb="2" eb="4">
      <t>ショクジ</t>
    </rPh>
    <rPh sb="4" eb="5">
      <t>トウ</t>
    </rPh>
    <rPh sb="6" eb="8">
      <t>ジカン</t>
    </rPh>
    <phoneticPr fontId="3"/>
  </si>
  <si>
    <t>　　　　時　　　分　～　　　　時　　　分頃</t>
    <rPh sb="4" eb="5">
      <t>ジ</t>
    </rPh>
    <rPh sb="8" eb="9">
      <t>フン</t>
    </rPh>
    <rPh sb="15" eb="16">
      <t>ジ</t>
    </rPh>
    <rPh sb="19" eb="20">
      <t>フン</t>
    </rPh>
    <rPh sb="20" eb="21">
      <t>コロ</t>
    </rPh>
    <phoneticPr fontId="3"/>
  </si>
  <si>
    <t>給食以外の具体的対応（クラブ活動・アルバイト・弁当等）</t>
    <rPh sb="0" eb="2">
      <t>キュウショク</t>
    </rPh>
    <rPh sb="2" eb="4">
      <t>イガイ</t>
    </rPh>
    <rPh sb="5" eb="8">
      <t>グタイテキ</t>
    </rPh>
    <rPh sb="8" eb="10">
      <t>タイオウ</t>
    </rPh>
    <rPh sb="14" eb="16">
      <t>カツドウ</t>
    </rPh>
    <rPh sb="23" eb="25">
      <t>ベントウ</t>
    </rPh>
    <rPh sb="25" eb="26">
      <t>トウ</t>
    </rPh>
    <phoneticPr fontId="3"/>
  </si>
  <si>
    <t>おやつ</t>
    <phoneticPr fontId="3"/>
  </si>
  <si>
    <t>②　食事、おやつ以外で提供しているものがあれば、記載してください。</t>
    <rPh sb="2" eb="4">
      <t>ショクジ</t>
    </rPh>
    <rPh sb="8" eb="10">
      <t>イガイ</t>
    </rPh>
    <rPh sb="11" eb="13">
      <t>テイキョウ</t>
    </rPh>
    <rPh sb="24" eb="26">
      <t>キサイ</t>
    </rPh>
    <phoneticPr fontId="3"/>
  </si>
  <si>
    <t>③　給食日誌の作成</t>
    <rPh sb="2" eb="4">
      <t>キュウショク</t>
    </rPh>
    <rPh sb="4" eb="6">
      <t>ニッシ</t>
    </rPh>
    <rPh sb="7" eb="9">
      <t>サクセイ</t>
    </rPh>
    <phoneticPr fontId="3"/>
  </si>
  <si>
    <t>（５）　給食関係の調査状況</t>
    <rPh sb="4" eb="6">
      <t>キュウショク</t>
    </rPh>
    <rPh sb="6" eb="8">
      <t>カンケイ</t>
    </rPh>
    <rPh sb="9" eb="11">
      <t>チョウサ</t>
    </rPh>
    <rPh sb="11" eb="13">
      <t>ジョウキョウ</t>
    </rPh>
    <phoneticPr fontId="3"/>
  </si>
  <si>
    <t>実施方法</t>
    <rPh sb="0" eb="2">
      <t>ジッシ</t>
    </rPh>
    <rPh sb="2" eb="4">
      <t>ホウホウ</t>
    </rPh>
    <phoneticPr fontId="3"/>
  </si>
  <si>
    <t>回数</t>
    <rPh sb="0" eb="2">
      <t>カイスウ</t>
    </rPh>
    <phoneticPr fontId="3"/>
  </si>
  <si>
    <t>嗜好調査</t>
    <rPh sb="0" eb="2">
      <t>シコウ</t>
    </rPh>
    <rPh sb="2" eb="4">
      <t>チョウサ</t>
    </rPh>
    <phoneticPr fontId="3"/>
  </si>
  <si>
    <t>残菜調査</t>
    <rPh sb="0" eb="1">
      <t>ザン</t>
    </rPh>
    <rPh sb="1" eb="2">
      <t>サイ</t>
    </rPh>
    <rPh sb="2" eb="4">
      <t>チョウサ</t>
    </rPh>
    <phoneticPr fontId="3"/>
  </si>
  <si>
    <t>（献立反映の状況）</t>
    <rPh sb="1" eb="3">
      <t>コンダテ</t>
    </rPh>
    <rPh sb="3" eb="5">
      <t>ハンエイ</t>
    </rPh>
    <rPh sb="6" eb="8">
      <t>ジョウキョウ</t>
    </rPh>
    <phoneticPr fontId="3"/>
  </si>
  <si>
    <t>（６）　給食会議（委員会）等の開催状況</t>
    <rPh sb="4" eb="6">
      <t>キュウショク</t>
    </rPh>
    <rPh sb="6" eb="8">
      <t>カイギ</t>
    </rPh>
    <rPh sb="9" eb="12">
      <t>イインカイ</t>
    </rPh>
    <rPh sb="13" eb="14">
      <t>トウ</t>
    </rPh>
    <rPh sb="15" eb="17">
      <t>カイサイ</t>
    </rPh>
    <rPh sb="17" eb="19">
      <t>ジョウキョウ</t>
    </rPh>
    <phoneticPr fontId="3"/>
  </si>
  <si>
    <t>開催回数</t>
    <rPh sb="0" eb="2">
      <t>カイサイ</t>
    </rPh>
    <rPh sb="2" eb="4">
      <t>カイスウ</t>
    </rPh>
    <phoneticPr fontId="3"/>
  </si>
  <si>
    <t>回/年</t>
    <rPh sb="0" eb="1">
      <t>カイ</t>
    </rPh>
    <rPh sb="2" eb="3">
      <t>ネン</t>
    </rPh>
    <phoneticPr fontId="3"/>
  </si>
  <si>
    <t>参加職種</t>
    <rPh sb="0" eb="2">
      <t>サンカ</t>
    </rPh>
    <rPh sb="2" eb="4">
      <t>ショクシュ</t>
    </rPh>
    <phoneticPr fontId="3"/>
  </si>
  <si>
    <t>３　給食担当者の検便実施状況</t>
    <rPh sb="4" eb="6">
      <t>タントウ</t>
    </rPh>
    <phoneticPr fontId="3"/>
  </si>
  <si>
    <t>実施年月</t>
  </si>
  <si>
    <t>対象人員</t>
  </si>
  <si>
    <t>実施人員</t>
  </si>
  <si>
    <t>４　調乳担当者の検便実施状況　　　　　　　　　　　　　　　　(当該施設のみ）</t>
    <rPh sb="2" eb="3">
      <t>チョウ</t>
    </rPh>
    <rPh sb="3" eb="4">
      <t>ニュウ</t>
    </rPh>
    <rPh sb="4" eb="6">
      <t>タントウ</t>
    </rPh>
    <rPh sb="31" eb="33">
      <t>トウガイ</t>
    </rPh>
    <rPh sb="33" eb="35">
      <t>シセツ</t>
    </rPh>
    <phoneticPr fontId="3"/>
  </si>
  <si>
    <t>５　給食関係箇所の清掃等</t>
    <phoneticPr fontId="3"/>
  </si>
  <si>
    <t>清　　掃</t>
    <phoneticPr fontId="3"/>
  </si>
  <si>
    <t>消　　毒</t>
    <phoneticPr fontId="3"/>
  </si>
  <si>
    <t>害虫駆除実施日</t>
  </si>
  <si>
    <t>実施記録の保管有無</t>
    <rPh sb="0" eb="2">
      <t>ジッシ</t>
    </rPh>
    <rPh sb="2" eb="4">
      <t>キロク</t>
    </rPh>
    <rPh sb="5" eb="7">
      <t>ホカン</t>
    </rPh>
    <rPh sb="7" eb="9">
      <t>ウム</t>
    </rPh>
    <phoneticPr fontId="3"/>
  </si>
  <si>
    <t>実施間隔</t>
  </si>
  <si>
    <t>方法</t>
  </si>
  <si>
    <t>（前年度）</t>
  </si>
  <si>
    <t>食堂</t>
  </si>
  <si>
    <t>　　年　　月　　日</t>
    <rPh sb="2" eb="3">
      <t>ネン</t>
    </rPh>
    <rPh sb="5" eb="6">
      <t>ツキ</t>
    </rPh>
    <rPh sb="8" eb="9">
      <t>ニチ</t>
    </rPh>
    <phoneticPr fontId="3"/>
  </si>
  <si>
    <t>記録保管期間</t>
    <rPh sb="0" eb="2">
      <t>キロク</t>
    </rPh>
    <rPh sb="2" eb="4">
      <t>ホカン</t>
    </rPh>
    <rPh sb="4" eb="6">
      <t>キカン</t>
    </rPh>
    <phoneticPr fontId="3"/>
  </si>
  <si>
    <t>厨房</t>
  </si>
  <si>
    <t>年間</t>
    <rPh sb="0" eb="2">
      <t>ネンカン</t>
    </rPh>
    <phoneticPr fontId="3"/>
  </si>
  <si>
    <t>食品保管庫</t>
  </si>
  <si>
    <t>（参考：大量調理施設衛生管理マニュアル）</t>
    <rPh sb="1" eb="3">
      <t>サンコウ</t>
    </rPh>
    <rPh sb="4" eb="6">
      <t>タイリョウ</t>
    </rPh>
    <rPh sb="6" eb="8">
      <t>チョウリ</t>
    </rPh>
    <rPh sb="8" eb="10">
      <t>シセツ</t>
    </rPh>
    <rPh sb="10" eb="12">
      <t>エイセイ</t>
    </rPh>
    <rPh sb="12" eb="14">
      <t>カンリ</t>
    </rPh>
    <phoneticPr fontId="3"/>
  </si>
  <si>
    <t>専用トイレ</t>
  </si>
  <si>
    <t>６　調理業務の委託状況</t>
    <rPh sb="2" eb="4">
      <t>チョウリ</t>
    </rPh>
    <rPh sb="4" eb="6">
      <t>ギョウム</t>
    </rPh>
    <rPh sb="7" eb="9">
      <t>イタク</t>
    </rPh>
    <rPh sb="9" eb="11">
      <t>ジョウキョウ</t>
    </rPh>
    <phoneticPr fontId="3"/>
  </si>
  <si>
    <t>（調理業務を委託している施設のみ記載）</t>
    <rPh sb="1" eb="3">
      <t>チョウリ</t>
    </rPh>
    <rPh sb="3" eb="5">
      <t>ギョウム</t>
    </rPh>
    <rPh sb="6" eb="8">
      <t>イタク</t>
    </rPh>
    <rPh sb="12" eb="14">
      <t>シセツ</t>
    </rPh>
    <rPh sb="16" eb="18">
      <t>キサイ</t>
    </rPh>
    <phoneticPr fontId="3"/>
  </si>
  <si>
    <t>委　託　先</t>
    <rPh sb="0" eb="1">
      <t>イ</t>
    </rPh>
    <rPh sb="2" eb="3">
      <t>コトヅケ</t>
    </rPh>
    <rPh sb="4" eb="5">
      <t>サキ</t>
    </rPh>
    <phoneticPr fontId="3"/>
  </si>
  <si>
    <t>委託契約書の作成</t>
    <rPh sb="0" eb="2">
      <t>イタク</t>
    </rPh>
    <rPh sb="2" eb="5">
      <t>ケイヤクショ</t>
    </rPh>
    <rPh sb="6" eb="8">
      <t>サクセイ</t>
    </rPh>
    <phoneticPr fontId="3"/>
  </si>
  <si>
    <t>　　　年　　月　　日作成（更新）</t>
    <rPh sb="3" eb="4">
      <t>ネン</t>
    </rPh>
    <rPh sb="6" eb="7">
      <t>ツキ</t>
    </rPh>
    <rPh sb="9" eb="10">
      <t>ニチ</t>
    </rPh>
    <rPh sb="10" eb="12">
      <t>サクセイ</t>
    </rPh>
    <rPh sb="13" eb="15">
      <t>コウシン</t>
    </rPh>
    <phoneticPr fontId="3"/>
  </si>
  <si>
    <t>委託内容</t>
    <rPh sb="0" eb="2">
      <t>イタク</t>
    </rPh>
    <rPh sb="2" eb="4">
      <t>ナイヨウ</t>
    </rPh>
    <phoneticPr fontId="3"/>
  </si>
  <si>
    <t>献立作成</t>
    <rPh sb="0" eb="2">
      <t>コンダテ</t>
    </rPh>
    <rPh sb="2" eb="4">
      <t>サクセイ</t>
    </rPh>
    <phoneticPr fontId="3"/>
  </si>
  <si>
    <t>児童個々の食事に合わせた配慮有無</t>
    <rPh sb="0" eb="2">
      <t>ジドウ</t>
    </rPh>
    <rPh sb="2" eb="4">
      <t>ココ</t>
    </rPh>
    <rPh sb="5" eb="7">
      <t>ショクジ</t>
    </rPh>
    <rPh sb="8" eb="9">
      <t>ア</t>
    </rPh>
    <rPh sb="12" eb="14">
      <t>ハイリョ</t>
    </rPh>
    <rPh sb="14" eb="16">
      <t>ウム</t>
    </rPh>
    <phoneticPr fontId="3"/>
  </si>
  <si>
    <t>(配慮内容)</t>
    <rPh sb="1" eb="3">
      <t>ハイリョ</t>
    </rPh>
    <rPh sb="3" eb="5">
      <t>ナイヨウ</t>
    </rPh>
    <phoneticPr fontId="3"/>
  </si>
  <si>
    <t>施設職員との定例的打合せ有無</t>
    <rPh sb="0" eb="2">
      <t>シセツ</t>
    </rPh>
    <rPh sb="2" eb="4">
      <t>ショクイン</t>
    </rPh>
    <rPh sb="6" eb="9">
      <t>テイレイテキ</t>
    </rPh>
    <rPh sb="9" eb="11">
      <t>ウチアワ</t>
    </rPh>
    <rPh sb="12" eb="14">
      <t>ウム</t>
    </rPh>
    <phoneticPr fontId="3"/>
  </si>
  <si>
    <t>委託業務従事者の健康診断等の実施状況</t>
    <rPh sb="0" eb="2">
      <t>イタク</t>
    </rPh>
    <rPh sb="2" eb="4">
      <t>ギョウム</t>
    </rPh>
    <rPh sb="4" eb="7">
      <t>ジュウジシャ</t>
    </rPh>
    <rPh sb="8" eb="10">
      <t>ケンコウ</t>
    </rPh>
    <rPh sb="10" eb="12">
      <t>シンダン</t>
    </rPh>
    <rPh sb="12" eb="13">
      <t>トウ</t>
    </rPh>
    <rPh sb="14" eb="16">
      <t>ジッシ</t>
    </rPh>
    <rPh sb="16" eb="18">
      <t>ジョウキョウ</t>
    </rPh>
    <phoneticPr fontId="3"/>
  </si>
  <si>
    <t>健康診断の実施状況報告</t>
    <rPh sb="0" eb="2">
      <t>ケンコウ</t>
    </rPh>
    <rPh sb="2" eb="4">
      <t>シンダン</t>
    </rPh>
    <rPh sb="5" eb="7">
      <t>ジッシ</t>
    </rPh>
    <rPh sb="7" eb="9">
      <t>ジョウキョウ</t>
    </rPh>
    <rPh sb="9" eb="11">
      <t>ホウコク</t>
    </rPh>
    <phoneticPr fontId="3"/>
  </si>
  <si>
    <t>栄養士（保健所や市町）からの指導体制</t>
    <rPh sb="0" eb="2">
      <t>エイヨウ</t>
    </rPh>
    <rPh sb="2" eb="3">
      <t>シ</t>
    </rPh>
    <rPh sb="4" eb="7">
      <t>ホケンジョ</t>
    </rPh>
    <rPh sb="8" eb="9">
      <t>シ</t>
    </rPh>
    <rPh sb="9" eb="10">
      <t>マチ</t>
    </rPh>
    <rPh sb="14" eb="16">
      <t>シドウ</t>
    </rPh>
    <rPh sb="16" eb="18">
      <t>タイセイ</t>
    </rPh>
    <phoneticPr fontId="3"/>
  </si>
  <si>
    <t>７　保存食の実施状況</t>
    <rPh sb="2" eb="5">
      <t>ホゾンショク</t>
    </rPh>
    <rPh sb="6" eb="8">
      <t>ジッシ</t>
    </rPh>
    <rPh sb="8" eb="10">
      <t>ジョウキョウ</t>
    </rPh>
    <phoneticPr fontId="3"/>
  </si>
  <si>
    <t>保存食の実施</t>
    <rPh sb="0" eb="3">
      <t>ホゾンショク</t>
    </rPh>
    <rPh sb="4" eb="6">
      <t>ジッシ</t>
    </rPh>
    <phoneticPr fontId="3"/>
  </si>
  <si>
    <t>保存時間</t>
    <rPh sb="0" eb="2">
      <t>ホゾン</t>
    </rPh>
    <rPh sb="2" eb="4">
      <t>ジカン</t>
    </rPh>
    <phoneticPr fontId="3"/>
  </si>
  <si>
    <t>（参考：社会福祉施設における保存食の保存期間等について</t>
    <rPh sb="1" eb="3">
      <t>サンコウ</t>
    </rPh>
    <rPh sb="4" eb="6">
      <t>シャカイ</t>
    </rPh>
    <rPh sb="6" eb="8">
      <t>フクシ</t>
    </rPh>
    <rPh sb="8" eb="10">
      <t>シセツ</t>
    </rPh>
    <rPh sb="14" eb="16">
      <t>ホゾン</t>
    </rPh>
    <rPh sb="16" eb="17">
      <t>ショク</t>
    </rPh>
    <rPh sb="18" eb="20">
      <t>ホゾン</t>
    </rPh>
    <rPh sb="20" eb="22">
      <t>キカン</t>
    </rPh>
    <rPh sb="22" eb="23">
      <t>トウ</t>
    </rPh>
    <phoneticPr fontId="3"/>
  </si>
  <si>
    <t>専用容器の有無</t>
    <rPh sb="0" eb="2">
      <t>センヨウ</t>
    </rPh>
    <rPh sb="2" eb="4">
      <t>ヨウキ</t>
    </rPh>
    <rPh sb="5" eb="7">
      <t>ウム</t>
    </rPh>
    <phoneticPr fontId="3"/>
  </si>
  <si>
    <t>　社援施117号）</t>
    <phoneticPr fontId="3"/>
  </si>
  <si>
    <t>保存場所</t>
    <rPh sb="0" eb="2">
      <t>ホゾン</t>
    </rPh>
    <rPh sb="2" eb="4">
      <t>バショ</t>
    </rPh>
    <phoneticPr fontId="3"/>
  </si>
  <si>
    <t>第５　保健衛生</t>
    <rPh sb="0" eb="1">
      <t>ダイ</t>
    </rPh>
    <rPh sb="3" eb="5">
      <t>ホケン</t>
    </rPh>
    <rPh sb="5" eb="7">
      <t>エイセイ</t>
    </rPh>
    <phoneticPr fontId="3"/>
  </si>
  <si>
    <t>１　健康診断（入所児童）</t>
    <rPh sb="2" eb="4">
      <t>ケンコウ</t>
    </rPh>
    <rPh sb="4" eb="6">
      <t>シンダン</t>
    </rPh>
    <rPh sb="7" eb="9">
      <t>ニュウショ</t>
    </rPh>
    <rPh sb="9" eb="11">
      <t>ジドウ</t>
    </rPh>
    <phoneticPr fontId="3"/>
  </si>
  <si>
    <t>（１）　健康診断の実施状況（入所児童）</t>
    <rPh sb="4" eb="8">
      <t>ケンコウシンダン</t>
    </rPh>
    <rPh sb="9" eb="13">
      <t>ジッシジョウキョウ</t>
    </rPh>
    <rPh sb="14" eb="16">
      <t>ニュウショ</t>
    </rPh>
    <rPh sb="16" eb="18">
      <t>ジドウ</t>
    </rPh>
    <phoneticPr fontId="3"/>
  </si>
  <si>
    <t>入所時</t>
    <rPh sb="0" eb="3">
      <t>ニュウショジ</t>
    </rPh>
    <phoneticPr fontId="3"/>
  </si>
  <si>
    <t>今年度　　　/現在</t>
    <rPh sb="0" eb="3">
      <t>コンネンド</t>
    </rPh>
    <rPh sb="7" eb="9">
      <t>ゲンザイ</t>
    </rPh>
    <phoneticPr fontId="3"/>
  </si>
  <si>
    <t>新規入所児童数</t>
    <rPh sb="0" eb="2">
      <t>シンキ</t>
    </rPh>
    <rPh sb="2" eb="4">
      <t>ニュウショ</t>
    </rPh>
    <rPh sb="4" eb="6">
      <t>ジドウ</t>
    </rPh>
    <rPh sb="6" eb="7">
      <t>スウ</t>
    </rPh>
    <phoneticPr fontId="3"/>
  </si>
  <si>
    <t>身長</t>
    <rPh sb="0" eb="2">
      <t>シンチョウ</t>
    </rPh>
    <phoneticPr fontId="3"/>
  </si>
  <si>
    <t>体重</t>
    <rPh sb="0" eb="2">
      <t>タイジュウ</t>
    </rPh>
    <phoneticPr fontId="3"/>
  </si>
  <si>
    <t>四肢の状態△</t>
    <rPh sb="0" eb="2">
      <t>シシ</t>
    </rPh>
    <rPh sb="3" eb="5">
      <t>ジョウタイ</t>
    </rPh>
    <phoneticPr fontId="3"/>
  </si>
  <si>
    <t>栄養状態</t>
    <rPh sb="0" eb="2">
      <t>エイヨウ</t>
    </rPh>
    <rPh sb="2" eb="4">
      <t>ジョウタイ</t>
    </rPh>
    <phoneticPr fontId="3"/>
  </si>
  <si>
    <t>脊椎の疾病</t>
    <rPh sb="0" eb="2">
      <t>セキツイ</t>
    </rPh>
    <rPh sb="3" eb="5">
      <t>シッペイ</t>
    </rPh>
    <phoneticPr fontId="3"/>
  </si>
  <si>
    <t>胸部異常</t>
    <rPh sb="0" eb="2">
      <t>キョウブ</t>
    </rPh>
    <rPh sb="2" eb="4">
      <t>イジョウ</t>
    </rPh>
    <phoneticPr fontId="3"/>
  </si>
  <si>
    <t>視力</t>
    <rPh sb="0" eb="2">
      <t>シリョク</t>
    </rPh>
    <phoneticPr fontId="3"/>
  </si>
  <si>
    <t>色覚</t>
    <rPh sb="0" eb="2">
      <t>シキカク</t>
    </rPh>
    <phoneticPr fontId="3"/>
  </si>
  <si>
    <t>聴力</t>
    <rPh sb="0" eb="2">
      <t>チョウリョク</t>
    </rPh>
    <phoneticPr fontId="3"/>
  </si>
  <si>
    <t>眼疾</t>
    <rPh sb="0" eb="2">
      <t>ガンシツ</t>
    </rPh>
    <phoneticPr fontId="3"/>
  </si>
  <si>
    <t>耳鼻咽喉疾患</t>
    <rPh sb="0" eb="2">
      <t>ジビ</t>
    </rPh>
    <rPh sb="2" eb="4">
      <t>インコウ</t>
    </rPh>
    <rPh sb="4" eb="6">
      <t>シッカン</t>
    </rPh>
    <phoneticPr fontId="3"/>
  </si>
  <si>
    <t>結核性疾患</t>
    <rPh sb="0" eb="3">
      <t>ケッカクセイ</t>
    </rPh>
    <rPh sb="3" eb="5">
      <t>シッカン</t>
    </rPh>
    <phoneticPr fontId="3"/>
  </si>
  <si>
    <t>尿検査</t>
    <rPh sb="0" eb="3">
      <t>ニョウケンサ</t>
    </rPh>
    <phoneticPr fontId="3"/>
  </si>
  <si>
    <t>心臓疾患</t>
    <rPh sb="0" eb="2">
      <t>シンゾウ</t>
    </rPh>
    <rPh sb="2" eb="4">
      <t>シッカン</t>
    </rPh>
    <phoneticPr fontId="3"/>
  </si>
  <si>
    <t>　検査実施機関</t>
    <rPh sb="1" eb="3">
      <t>ケンサ</t>
    </rPh>
    <rPh sb="3" eb="5">
      <t>ジッシ</t>
    </rPh>
    <rPh sb="5" eb="7">
      <t>キカン</t>
    </rPh>
    <phoneticPr fontId="3"/>
  </si>
  <si>
    <t>　※年２回の定期健康診断以外も記入してください。診断項目は受診した項目に○印をつけてください。</t>
    <rPh sb="2" eb="3">
      <t>ネン</t>
    </rPh>
    <rPh sb="3" eb="5">
      <t>ニカイ</t>
    </rPh>
    <rPh sb="6" eb="12">
      <t>テイキケンコウシンダン</t>
    </rPh>
    <rPh sb="12" eb="14">
      <t>イガイ</t>
    </rPh>
    <rPh sb="15" eb="17">
      <t>キニュウ</t>
    </rPh>
    <rPh sb="24" eb="26">
      <t>シンダン</t>
    </rPh>
    <rPh sb="26" eb="28">
      <t>コウモク</t>
    </rPh>
    <rPh sb="29" eb="31">
      <t>ジュシン</t>
    </rPh>
    <rPh sb="33" eb="35">
      <t>コウモク</t>
    </rPh>
    <rPh sb="37" eb="38">
      <t>シルシ</t>
    </rPh>
    <phoneticPr fontId="3"/>
  </si>
  <si>
    <t>　※△はＨ２８年度からの項目</t>
    <phoneticPr fontId="3"/>
  </si>
  <si>
    <t>（２）　歯科健康診断の実施状況</t>
    <rPh sb="4" eb="6">
      <t>シカ</t>
    </rPh>
    <rPh sb="6" eb="8">
      <t>ケンコウ</t>
    </rPh>
    <rPh sb="8" eb="10">
      <t>シンダン</t>
    </rPh>
    <rPh sb="11" eb="13">
      <t>ジッシ</t>
    </rPh>
    <rPh sb="13" eb="15">
      <t>ジョウキョウ</t>
    </rPh>
    <phoneticPr fontId="3"/>
  </si>
  <si>
    <t>２　感染症予防対策</t>
    <rPh sb="2" eb="5">
      <t>カンセンショウ</t>
    </rPh>
    <rPh sb="5" eb="7">
      <t>ヨボウ</t>
    </rPh>
    <rPh sb="7" eb="9">
      <t>タイサク</t>
    </rPh>
    <phoneticPr fontId="3"/>
  </si>
  <si>
    <t xml:space="preserve">   　　結核、インフルエンザ、メチシリン耐性黄色ブドウ球菌（MRSA）、疥癬等の予防対策及び実施状況</t>
    <rPh sb="5" eb="7">
      <t>ケッカク</t>
    </rPh>
    <rPh sb="21" eb="22">
      <t>タ</t>
    </rPh>
    <rPh sb="22" eb="23">
      <t>セイ</t>
    </rPh>
    <rPh sb="23" eb="25">
      <t>オウショク</t>
    </rPh>
    <rPh sb="28" eb="30">
      <t>キュウキン</t>
    </rPh>
    <rPh sb="37" eb="39">
      <t>カイセン</t>
    </rPh>
    <rPh sb="39" eb="40">
      <t>トウ</t>
    </rPh>
    <rPh sb="41" eb="43">
      <t>ヨボウ</t>
    </rPh>
    <rPh sb="43" eb="45">
      <t>タイサク</t>
    </rPh>
    <rPh sb="45" eb="46">
      <t>オヨ</t>
    </rPh>
    <rPh sb="47" eb="49">
      <t>ジッシ</t>
    </rPh>
    <rPh sb="49" eb="51">
      <t>ジョウキョウ</t>
    </rPh>
    <phoneticPr fontId="3"/>
  </si>
  <si>
    <t>　予防対策を行っている感染症</t>
    <rPh sb="1" eb="3">
      <t>ヨボウ</t>
    </rPh>
    <rPh sb="3" eb="5">
      <t>タイサク</t>
    </rPh>
    <rPh sb="6" eb="7">
      <t>オコナ</t>
    </rPh>
    <rPh sb="11" eb="14">
      <t>カンセンショウ</t>
    </rPh>
    <phoneticPr fontId="3"/>
  </si>
  <si>
    <t>実　施　状　況　</t>
    <rPh sb="0" eb="7">
      <t>ジッシジョウキョウ</t>
    </rPh>
    <phoneticPr fontId="3"/>
  </si>
  <si>
    <t>　　第６　会計経理</t>
    <phoneticPr fontId="4"/>
  </si>
  <si>
    <t>　　　１会　計</t>
  </si>
  <si>
    <t>　　　(1) 会計組織　　　　　　　　　　　　　　　　　　　　　　　　　　　　　　　　　</t>
    <phoneticPr fontId="4"/>
  </si>
  <si>
    <t>会計責任者</t>
  </si>
  <si>
    <t>出納職員</t>
  </si>
  <si>
    <t>印鑑管理者</t>
  </si>
  <si>
    <t>内部監査担当者</t>
  </si>
  <si>
    <t>　評議員会での予算の承認・報告</t>
    <rPh sb="1" eb="4">
      <t>ヒョウギイン</t>
    </rPh>
    <rPh sb="4" eb="5">
      <t>カイ</t>
    </rPh>
    <rPh sb="13" eb="15">
      <t>ホウコク</t>
    </rPh>
    <phoneticPr fontId="4"/>
  </si>
  <si>
    <t>　評議員会での決算の承認年月日</t>
    <rPh sb="1" eb="4">
      <t>ヒョウギイン</t>
    </rPh>
    <phoneticPr fontId="4"/>
  </si>
  <si>
    <t>　令和　　年　　月　　日</t>
    <rPh sb="1" eb="3">
      <t>レイワ</t>
    </rPh>
    <phoneticPr fontId="4"/>
  </si>
  <si>
    <t>　監事監査の年月日</t>
  </si>
  <si>
    <t>　監事監査報告書の作成年月日</t>
    <rPh sb="1" eb="3">
      <t>カンジ</t>
    </rPh>
    <phoneticPr fontId="4"/>
  </si>
  <si>
    <t>　　　(4) 施設サービス区分から他のサービス区分への繰入</t>
    <rPh sb="7" eb="9">
      <t>シセツ</t>
    </rPh>
    <rPh sb="13" eb="15">
      <t>クブン</t>
    </rPh>
    <rPh sb="17" eb="18">
      <t>タ</t>
    </rPh>
    <rPh sb="23" eb="25">
      <t>クブン</t>
    </rPh>
    <rPh sb="27" eb="29">
      <t>クリイレ</t>
    </rPh>
    <phoneticPr fontId="4"/>
  </si>
  <si>
    <t>　</t>
    <phoneticPr fontId="4"/>
  </si>
  <si>
    <t>　※②－Ａ　スプリンクラー設置加算分（０．３％）も含んだ額を記載</t>
    <rPh sb="13" eb="15">
      <t>セッチ</t>
    </rPh>
    <rPh sb="15" eb="17">
      <t>カサン</t>
    </rPh>
    <rPh sb="17" eb="18">
      <t>ブン</t>
    </rPh>
    <rPh sb="25" eb="26">
      <t>フク</t>
    </rPh>
    <rPh sb="28" eb="29">
      <t>ガク</t>
    </rPh>
    <rPh sb="30" eb="32">
      <t>キサイ</t>
    </rPh>
    <phoneticPr fontId="4"/>
  </si>
  <si>
    <t>　　してください。</t>
    <phoneticPr fontId="4"/>
  </si>
  <si>
    <t>　　会計基準⇒加算額　　経理規程準則⇒管理費加算額</t>
    <phoneticPr fontId="4"/>
  </si>
  <si>
    <t>　　②－Ｂ　暫定的に次の式で算出したものを記入してください。</t>
    <phoneticPr fontId="4"/>
  </si>
  <si>
    <t>　　　(5) 他会計への貸付</t>
    <rPh sb="7" eb="8">
      <t>タ</t>
    </rPh>
    <rPh sb="8" eb="10">
      <t>カイケイ</t>
    </rPh>
    <rPh sb="12" eb="14">
      <t>カシツ</t>
    </rPh>
    <phoneticPr fontId="4"/>
  </si>
  <si>
    <t>　①　貸付年月日　　　　年　　月　　日</t>
    <phoneticPr fontId="4"/>
  </si>
  <si>
    <t>　　貸付先　（　　　　　　　　　　　　　　　　）</t>
  </si>
  <si>
    <t>　②　貸付年月日　　　　年　　月　　日</t>
    <phoneticPr fontId="4"/>
  </si>
  <si>
    <t>　③　貸付年月日　　　　年　　月　　日</t>
    <phoneticPr fontId="4"/>
  </si>
  <si>
    <t>　　貸付先　（　　　　　　　　　　　　　　）</t>
    <phoneticPr fontId="4"/>
  </si>
  <si>
    <t>　　 (6)　支払資金残高（繰越金）　及び　積立金 　　　　　　　　　　　　　　　　　　　　　　　　　　　　　　　　　　　</t>
    <rPh sb="7" eb="9">
      <t>シハラ</t>
    </rPh>
    <rPh sb="9" eb="11">
      <t>シキン</t>
    </rPh>
    <rPh sb="11" eb="13">
      <t>ザンダカ</t>
    </rPh>
    <rPh sb="14" eb="16">
      <t>クリコシ</t>
    </rPh>
    <rPh sb="16" eb="17">
      <t>キン</t>
    </rPh>
    <rPh sb="19" eb="20">
      <t>オヨ</t>
    </rPh>
    <rPh sb="22" eb="24">
      <t>ツミタテ</t>
    </rPh>
    <rPh sb="24" eb="25">
      <t>キン</t>
    </rPh>
    <phoneticPr fontId="15"/>
  </si>
  <si>
    <t xml:space="preserve"> ①（</t>
    <phoneticPr fontId="15"/>
  </si>
  <si>
    <t>）千円</t>
    <phoneticPr fontId="15"/>
  </si>
  <si>
    <t>　※経常収入計を記入</t>
    <rPh sb="2" eb="4">
      <t>ケイジョウ</t>
    </rPh>
    <rPh sb="4" eb="6">
      <t>シュウニュウ</t>
    </rPh>
    <rPh sb="6" eb="7">
      <t>ケイ</t>
    </rPh>
    <rPh sb="8" eb="10">
      <t>キニュウ</t>
    </rPh>
    <phoneticPr fontId="15"/>
  </si>
  <si>
    <t>運営費
（措置費）
収入</t>
    <rPh sb="0" eb="3">
      <t>ウンエイヒ</t>
    </rPh>
    <rPh sb="5" eb="7">
      <t>ソチ</t>
    </rPh>
    <rPh sb="7" eb="8">
      <t>ヒ</t>
    </rPh>
    <rPh sb="10" eb="12">
      <t>シュウニュウ</t>
    </rPh>
    <phoneticPr fontId="15"/>
  </si>
  <si>
    <t xml:space="preserve"> ②（</t>
    <phoneticPr fontId="15"/>
  </si>
  <si>
    <t>当期資金
収支差額</t>
    <rPh sb="2" eb="4">
      <t>シキン</t>
    </rPh>
    <rPh sb="5" eb="7">
      <t>シュウシ</t>
    </rPh>
    <rPh sb="7" eb="9">
      <t>サガク</t>
    </rPh>
    <phoneticPr fontId="15"/>
  </si>
  <si>
    <t xml:space="preserve"> 合計（</t>
    <phoneticPr fontId="15"/>
  </si>
  <si>
    <t>(合計）÷①×100＝（</t>
    <phoneticPr fontId="15"/>
  </si>
  <si>
    <t>)％</t>
    <phoneticPr fontId="15"/>
  </si>
  <si>
    <t>当期</t>
    <phoneticPr fontId="15"/>
  </si>
  <si>
    <t>積立資産</t>
    <rPh sb="0" eb="2">
      <t>ツミタテ</t>
    </rPh>
    <phoneticPr fontId="15"/>
  </si>
  <si>
    <t>当期末
支払資金
残高及び
積立資産</t>
    <rPh sb="0" eb="2">
      <t>トウキ</t>
    </rPh>
    <rPh sb="2" eb="3">
      <t>マツ</t>
    </rPh>
    <rPh sb="4" eb="6">
      <t>シハライ</t>
    </rPh>
    <rPh sb="6" eb="8">
      <t>シキン</t>
    </rPh>
    <rPh sb="9" eb="11">
      <t>ザンダカ</t>
    </rPh>
    <rPh sb="11" eb="12">
      <t>オヨ</t>
    </rPh>
    <rPh sb="14" eb="16">
      <t>ツミタテ</t>
    </rPh>
    <phoneticPr fontId="15"/>
  </si>
  <si>
    <t>）千円（Ａ＋Ｂ）</t>
    <phoneticPr fontId="15"/>
  </si>
  <si>
    <t>　Ａ　当期末支払資金残高（</t>
    <rPh sb="3" eb="5">
      <t>トウキ</t>
    </rPh>
    <rPh sb="5" eb="6">
      <t>マツ</t>
    </rPh>
    <rPh sb="6" eb="8">
      <t>シハライ</t>
    </rPh>
    <rPh sb="8" eb="10">
      <t>シキン</t>
    </rPh>
    <rPh sb="10" eb="12">
      <t>ザンダカ</t>
    </rPh>
    <phoneticPr fontId="15"/>
  </si>
  <si>
    <t>前期末
支払資金
残高</t>
    <rPh sb="0" eb="2">
      <t>ゼンキ</t>
    </rPh>
    <rPh sb="2" eb="3">
      <t>マツ</t>
    </rPh>
    <rPh sb="4" eb="6">
      <t>シハライ</t>
    </rPh>
    <rPh sb="6" eb="8">
      <t>シキン</t>
    </rPh>
    <rPh sb="9" eb="11">
      <t>ザンダカ</t>
    </rPh>
    <phoneticPr fontId="15"/>
  </si>
  <si>
    <t>（</t>
    <phoneticPr fontId="15"/>
  </si>
  <si>
    <t>）千円　</t>
    <phoneticPr fontId="15"/>
  </si>
  <si>
    <t>・当該施設の経常経費の補填</t>
    <rPh sb="1" eb="3">
      <t>トウガイ</t>
    </rPh>
    <rPh sb="3" eb="5">
      <t>シセツ</t>
    </rPh>
    <rPh sb="6" eb="8">
      <t>ケイジョウ</t>
    </rPh>
    <rPh sb="8" eb="10">
      <t>ケイヒ</t>
    </rPh>
    <rPh sb="11" eb="13">
      <t>ホテン</t>
    </rPh>
    <phoneticPr fontId="15"/>
  </si>
  <si>
    <t>・法人本部の運営費</t>
    <rPh sb="1" eb="3">
      <t>ホウジン</t>
    </rPh>
    <rPh sb="3" eb="5">
      <t>ホンブ</t>
    </rPh>
    <rPh sb="6" eb="9">
      <t>ウンエイヒ</t>
    </rPh>
    <phoneticPr fontId="15"/>
  </si>
  <si>
    <t>・他の社福事業の運営費</t>
    <rPh sb="1" eb="2">
      <t>ホカ</t>
    </rPh>
    <rPh sb="3" eb="4">
      <t>シャ</t>
    </rPh>
    <rPh sb="4" eb="5">
      <t>フク</t>
    </rPh>
    <rPh sb="5" eb="7">
      <t>ジギョウ</t>
    </rPh>
    <rPh sb="8" eb="11">
      <t>ウンエイヒ</t>
    </rPh>
    <phoneticPr fontId="15"/>
  </si>
  <si>
    <t>・小規模公益事業の運営費</t>
    <rPh sb="1" eb="4">
      <t>ショウキボ</t>
    </rPh>
    <rPh sb="4" eb="6">
      <t>コウエキ</t>
    </rPh>
    <rPh sb="6" eb="8">
      <t>ジギョウ</t>
    </rPh>
    <rPh sb="9" eb="12">
      <t>ウンエイヒ</t>
    </rPh>
    <phoneticPr fontId="15"/>
  </si>
  <si>
    <t>理事会承認年月日（　　年　　月　　日）</t>
    <rPh sb="0" eb="3">
      <t>リジカイ</t>
    </rPh>
    <rPh sb="3" eb="5">
      <t>ショウニン</t>
    </rPh>
    <rPh sb="5" eb="8">
      <t>ネンガッピ</t>
    </rPh>
    <rPh sb="11" eb="12">
      <t>ネン</t>
    </rPh>
    <rPh sb="14" eb="15">
      <t>ガツ</t>
    </rPh>
    <rPh sb="17" eb="18">
      <t>ニチ</t>
    </rPh>
    <phoneticPr fontId="15"/>
  </si>
  <si>
    <t>取り崩し</t>
    <rPh sb="0" eb="1">
      <t>ト</t>
    </rPh>
    <rPh sb="2" eb="3">
      <t>クズ</t>
    </rPh>
    <phoneticPr fontId="15"/>
  </si>
  <si>
    <t>２　契約等</t>
    <rPh sb="2" eb="4">
      <t>ケイヤク</t>
    </rPh>
    <rPh sb="4" eb="5">
      <t>トウ</t>
    </rPh>
    <phoneticPr fontId="4"/>
  </si>
  <si>
    <t>（１）委託契約・リース契約</t>
    <phoneticPr fontId="4"/>
  </si>
  <si>
    <t>　・あらかじめ複数年の期間を定めているリース契約は、契約期間全体の支払総額が１００万円以上となるものを記入してください。</t>
    <rPh sb="7" eb="10">
      <t>フクスウネン</t>
    </rPh>
    <rPh sb="11" eb="13">
      <t>キカン</t>
    </rPh>
    <rPh sb="14" eb="15">
      <t>サダ</t>
    </rPh>
    <rPh sb="22" eb="24">
      <t>ケイヤク</t>
    </rPh>
    <rPh sb="26" eb="28">
      <t>ケイヤク</t>
    </rPh>
    <rPh sb="28" eb="30">
      <t>キカン</t>
    </rPh>
    <rPh sb="30" eb="32">
      <t>ゼンタイ</t>
    </rPh>
    <rPh sb="33" eb="35">
      <t>シハライ</t>
    </rPh>
    <rPh sb="35" eb="37">
      <t>ソウガク</t>
    </rPh>
    <rPh sb="41" eb="42">
      <t>マン</t>
    </rPh>
    <rPh sb="42" eb="45">
      <t>エンイジョウ</t>
    </rPh>
    <rPh sb="51" eb="53">
      <t>キニュウ</t>
    </rPh>
    <phoneticPr fontId="4"/>
  </si>
  <si>
    <t>内容</t>
    <rPh sb="0" eb="2">
      <t>ナイヨウ</t>
    </rPh>
    <phoneticPr fontId="4"/>
  </si>
  <si>
    <t>契約額</t>
    <rPh sb="0" eb="2">
      <t>ケイヤク</t>
    </rPh>
    <rPh sb="2" eb="3">
      <t>ガク</t>
    </rPh>
    <phoneticPr fontId="4"/>
  </si>
  <si>
    <t>業者名</t>
    <rPh sb="0" eb="2">
      <t>ギョウシャ</t>
    </rPh>
    <rPh sb="2" eb="3">
      <t>メイ</t>
    </rPh>
    <phoneticPr fontId="4"/>
  </si>
  <si>
    <t>取引開始時期</t>
    <rPh sb="0" eb="2">
      <t>トリヒキ</t>
    </rPh>
    <rPh sb="2" eb="4">
      <t>カイシ</t>
    </rPh>
    <rPh sb="4" eb="6">
      <t>ジキ</t>
    </rPh>
    <phoneticPr fontId="4"/>
  </si>
  <si>
    <t>契約書</t>
    <rPh sb="0" eb="3">
      <t>ケイヤクショ</t>
    </rPh>
    <phoneticPr fontId="4"/>
  </si>
  <si>
    <t>契約又は業者決定方法</t>
    <rPh sb="0" eb="2">
      <t>ケイヤク</t>
    </rPh>
    <rPh sb="2" eb="3">
      <t>マタ</t>
    </rPh>
    <rPh sb="4" eb="6">
      <t>ギョウシャ</t>
    </rPh>
    <rPh sb="6" eb="8">
      <t>ケッテイ</t>
    </rPh>
    <rPh sb="8" eb="10">
      <t>ホウホウ</t>
    </rPh>
    <phoneticPr fontId="4"/>
  </si>
  <si>
    <t>候補者数</t>
    <rPh sb="0" eb="2">
      <t>コウホ</t>
    </rPh>
    <rPh sb="2" eb="3">
      <t>シャ</t>
    </rPh>
    <rPh sb="3" eb="4">
      <t>スウ</t>
    </rPh>
    <phoneticPr fontId="4"/>
  </si>
  <si>
    <t>契約見直しの状況</t>
    <rPh sb="0" eb="2">
      <t>ケイヤク</t>
    </rPh>
    <rPh sb="2" eb="4">
      <t>ミナオ</t>
    </rPh>
    <rPh sb="6" eb="8">
      <t>ジョウキョウ</t>
    </rPh>
    <phoneticPr fontId="4"/>
  </si>
  <si>
    <t>　年　月</t>
    <rPh sb="1" eb="2">
      <t>ネン</t>
    </rPh>
    <rPh sb="3" eb="4">
      <t>ガツ</t>
    </rPh>
    <phoneticPr fontId="4"/>
  </si>
  <si>
    <t>有・無</t>
    <rPh sb="0" eb="1">
      <t>ア</t>
    </rPh>
    <rPh sb="2" eb="3">
      <t>ナ</t>
    </rPh>
    <phoneticPr fontId="4"/>
  </si>
  <si>
    <t>入札・随意契約(理由：　号)</t>
    <rPh sb="0" eb="2">
      <t>ニュウサツ</t>
    </rPh>
    <rPh sb="3" eb="5">
      <t>ズイイ</t>
    </rPh>
    <rPh sb="5" eb="7">
      <t>ケイヤク</t>
    </rPh>
    <phoneticPr fontId="4"/>
  </si>
  <si>
    <t>　（　）</t>
    <phoneticPr fontId="4"/>
  </si>
  <si>
    <t>無・有（　年　月頃）</t>
    <rPh sb="0" eb="1">
      <t>ナ</t>
    </rPh>
    <rPh sb="2" eb="3">
      <t>ア</t>
    </rPh>
    <rPh sb="5" eb="6">
      <t>ネン</t>
    </rPh>
    <rPh sb="7" eb="8">
      <t>ガツ</t>
    </rPh>
    <rPh sb="8" eb="9">
      <t>ゴロ</t>
    </rPh>
    <phoneticPr fontId="4"/>
  </si>
  <si>
    <t>（注１）「取引開始時期」には、当該委託・リースについて、現在の業者と最初に取引を開始した時期を記入してください。</t>
    <rPh sb="1" eb="2">
      <t>チュウ</t>
    </rPh>
    <rPh sb="5" eb="7">
      <t>トリヒキ</t>
    </rPh>
    <rPh sb="7" eb="9">
      <t>カイシ</t>
    </rPh>
    <rPh sb="9" eb="11">
      <t>ジキ</t>
    </rPh>
    <rPh sb="15" eb="17">
      <t>トウガイ</t>
    </rPh>
    <rPh sb="17" eb="19">
      <t>イタク</t>
    </rPh>
    <rPh sb="28" eb="30">
      <t>ゲンザイ</t>
    </rPh>
    <rPh sb="31" eb="33">
      <t>ギョウシャ</t>
    </rPh>
    <rPh sb="34" eb="36">
      <t>サイショ</t>
    </rPh>
    <rPh sb="37" eb="39">
      <t>トリヒキ</t>
    </rPh>
    <rPh sb="40" eb="42">
      <t>カイシ</t>
    </rPh>
    <rPh sb="44" eb="46">
      <t>ジキ</t>
    </rPh>
    <rPh sb="47" eb="49">
      <t>キニュウ</t>
    </rPh>
    <phoneticPr fontId="4"/>
  </si>
  <si>
    <t>（注２）随意契約の場合の「理由：　号」には、随意契約によることができる合理的な理由とした経理規程上の根拠規定の該当号数を記入してください。</t>
    <rPh sb="1" eb="2">
      <t>チュウ</t>
    </rPh>
    <rPh sb="4" eb="6">
      <t>ズイイ</t>
    </rPh>
    <rPh sb="6" eb="8">
      <t>ケイヤク</t>
    </rPh>
    <rPh sb="9" eb="11">
      <t>バアイ</t>
    </rPh>
    <rPh sb="13" eb="15">
      <t>リユウ</t>
    </rPh>
    <rPh sb="17" eb="18">
      <t>ゴウ</t>
    </rPh>
    <phoneticPr fontId="4"/>
  </si>
  <si>
    <t>（注３）「候補者数」には、入札の場合は、選定した事業者数を、（）内には入札に参加した事業者数を、それぞれ記入してください。</t>
    <rPh sb="1" eb="2">
      <t>チュウ</t>
    </rPh>
    <rPh sb="5" eb="7">
      <t>コウホ</t>
    </rPh>
    <rPh sb="7" eb="8">
      <t>シャ</t>
    </rPh>
    <rPh sb="8" eb="9">
      <t>スウ</t>
    </rPh>
    <rPh sb="13" eb="15">
      <t>ニュウサツ</t>
    </rPh>
    <rPh sb="16" eb="18">
      <t>バアイ</t>
    </rPh>
    <rPh sb="20" eb="22">
      <t>センテイ</t>
    </rPh>
    <rPh sb="24" eb="27">
      <t>ジギョウシャ</t>
    </rPh>
    <rPh sb="27" eb="28">
      <t>カズ</t>
    </rPh>
    <rPh sb="32" eb="33">
      <t>ナイ</t>
    </rPh>
    <rPh sb="35" eb="37">
      <t>ニュウサツ</t>
    </rPh>
    <rPh sb="38" eb="40">
      <t>サンカ</t>
    </rPh>
    <rPh sb="42" eb="45">
      <t>ジギョウシャ</t>
    </rPh>
    <rPh sb="45" eb="46">
      <t>スウ</t>
    </rPh>
    <rPh sb="52" eb="54">
      <t>キニュウ</t>
    </rPh>
    <phoneticPr fontId="4"/>
  </si>
  <si>
    <t>　　　　また、随意契約の場合は、見積書の提出を依頼した事業者数を、（）内には実際に見積書を提出した事業者数を、それぞれ記入してください。</t>
    <rPh sb="7" eb="9">
      <t>ズイイ</t>
    </rPh>
    <rPh sb="9" eb="11">
      <t>ケイヤク</t>
    </rPh>
    <rPh sb="12" eb="14">
      <t>バアイ</t>
    </rPh>
    <rPh sb="16" eb="19">
      <t>ミツモリショ</t>
    </rPh>
    <rPh sb="20" eb="22">
      <t>テイシュツ</t>
    </rPh>
    <rPh sb="23" eb="25">
      <t>イライ</t>
    </rPh>
    <rPh sb="27" eb="30">
      <t>ジギョウシャ</t>
    </rPh>
    <rPh sb="30" eb="31">
      <t>スウ</t>
    </rPh>
    <rPh sb="35" eb="36">
      <t>ナイ</t>
    </rPh>
    <rPh sb="38" eb="40">
      <t>ジッサイ</t>
    </rPh>
    <rPh sb="41" eb="44">
      <t>ミツモリショ</t>
    </rPh>
    <rPh sb="45" eb="47">
      <t>テイシュツ</t>
    </rPh>
    <rPh sb="49" eb="52">
      <t>ジギョウシャ</t>
    </rPh>
    <rPh sb="52" eb="53">
      <t>カズ</t>
    </rPh>
    <rPh sb="59" eb="61">
      <t>キニュウ</t>
    </rPh>
    <phoneticPr fontId="4"/>
  </si>
  <si>
    <t>（注４）「契約見直しの状況」には、他の事業者から見積書を提出してもらうなど、具体的に契約内容の見直しを行った時期を記入してください。</t>
    <rPh sb="1" eb="2">
      <t>チュウ</t>
    </rPh>
    <rPh sb="5" eb="7">
      <t>ケイヤク</t>
    </rPh>
    <rPh sb="7" eb="9">
      <t>ミナオ</t>
    </rPh>
    <rPh sb="11" eb="13">
      <t>ジョウキョウ</t>
    </rPh>
    <rPh sb="17" eb="18">
      <t>タ</t>
    </rPh>
    <rPh sb="19" eb="22">
      <t>ジギョウシャ</t>
    </rPh>
    <rPh sb="24" eb="26">
      <t>ミツモリ</t>
    </rPh>
    <rPh sb="26" eb="27">
      <t>ショ</t>
    </rPh>
    <rPh sb="28" eb="30">
      <t>テイシュツ</t>
    </rPh>
    <rPh sb="38" eb="41">
      <t>グタイテキ</t>
    </rPh>
    <rPh sb="42" eb="44">
      <t>ケイヤク</t>
    </rPh>
    <rPh sb="44" eb="46">
      <t>ナイヨウ</t>
    </rPh>
    <rPh sb="47" eb="49">
      <t>ミナオ</t>
    </rPh>
    <rPh sb="51" eb="52">
      <t>オコナ</t>
    </rPh>
    <rPh sb="54" eb="56">
      <t>ジキ</t>
    </rPh>
    <rPh sb="57" eb="59">
      <t>キニュウ</t>
    </rPh>
    <phoneticPr fontId="4"/>
  </si>
  <si>
    <t>（２）工事又は製造の請負契約</t>
    <phoneticPr fontId="4"/>
  </si>
  <si>
    <t>契約締結時期</t>
    <rPh sb="0" eb="2">
      <t>ケイヤク</t>
    </rPh>
    <rPh sb="2" eb="4">
      <t>テイケツ</t>
    </rPh>
    <rPh sb="4" eb="6">
      <t>ジキ</t>
    </rPh>
    <phoneticPr fontId="4"/>
  </si>
  <si>
    <t>完成時期</t>
    <rPh sb="0" eb="2">
      <t>カンセイ</t>
    </rPh>
    <rPh sb="2" eb="4">
      <t>ジキ</t>
    </rPh>
    <phoneticPr fontId="4"/>
  </si>
  <si>
    <t>補助金</t>
    <rPh sb="0" eb="3">
      <t>ホジョキン</t>
    </rPh>
    <phoneticPr fontId="4"/>
  </si>
  <si>
    <t>（注１）随意契約の場合の「理由：　号」には、随意契約によることができる合理的な理由とした経理規程上の根拠規定の該当号数を記入してください。</t>
    <rPh sb="1" eb="2">
      <t>チュウ</t>
    </rPh>
    <rPh sb="4" eb="6">
      <t>ズイイ</t>
    </rPh>
    <rPh sb="6" eb="8">
      <t>ケイヤク</t>
    </rPh>
    <rPh sb="9" eb="11">
      <t>バアイ</t>
    </rPh>
    <rPh sb="13" eb="15">
      <t>リユウ</t>
    </rPh>
    <rPh sb="17" eb="18">
      <t>ゴウ</t>
    </rPh>
    <phoneticPr fontId="4"/>
  </si>
  <si>
    <t>（注２）「候補者数」には、入札の場合は、選定した事業者数を、（）内には入札に参加した事業者数を、それぞれ記入してください。</t>
    <rPh sb="1" eb="2">
      <t>チュウ</t>
    </rPh>
    <rPh sb="5" eb="7">
      <t>コウホ</t>
    </rPh>
    <rPh sb="7" eb="8">
      <t>シャ</t>
    </rPh>
    <rPh sb="8" eb="9">
      <t>スウ</t>
    </rPh>
    <rPh sb="13" eb="15">
      <t>ニュウサツ</t>
    </rPh>
    <rPh sb="16" eb="18">
      <t>バアイ</t>
    </rPh>
    <rPh sb="20" eb="22">
      <t>センテイ</t>
    </rPh>
    <rPh sb="24" eb="27">
      <t>ジギョウシャ</t>
    </rPh>
    <rPh sb="27" eb="28">
      <t>カズ</t>
    </rPh>
    <rPh sb="32" eb="33">
      <t>ナイ</t>
    </rPh>
    <rPh sb="35" eb="37">
      <t>ニュウサツ</t>
    </rPh>
    <rPh sb="38" eb="40">
      <t>サンカ</t>
    </rPh>
    <rPh sb="42" eb="45">
      <t>ジギョウシャ</t>
    </rPh>
    <rPh sb="45" eb="46">
      <t>スウ</t>
    </rPh>
    <rPh sb="52" eb="54">
      <t>キニュウ</t>
    </rPh>
    <phoneticPr fontId="4"/>
  </si>
  <si>
    <t>（３）物品等購入状況</t>
    <rPh sb="3" eb="5">
      <t>ブッピン</t>
    </rPh>
    <rPh sb="5" eb="6">
      <t>トウ</t>
    </rPh>
    <rPh sb="6" eb="8">
      <t>コウニュウ</t>
    </rPh>
    <rPh sb="8" eb="10">
      <t>ジョウキョウ</t>
    </rPh>
    <phoneticPr fontId="4"/>
  </si>
  <si>
    <t>物品名</t>
    <rPh sb="0" eb="2">
      <t>ブッピン</t>
    </rPh>
    <rPh sb="2" eb="3">
      <t>メイ</t>
    </rPh>
    <phoneticPr fontId="4"/>
  </si>
  <si>
    <t>設置場所・用途</t>
    <rPh sb="0" eb="2">
      <t>セッチ</t>
    </rPh>
    <rPh sb="2" eb="4">
      <t>バショ</t>
    </rPh>
    <rPh sb="5" eb="7">
      <t>ヨウト</t>
    </rPh>
    <phoneticPr fontId="4"/>
  </si>
  <si>
    <t>支払額</t>
    <rPh sb="0" eb="3">
      <t>シハライガク</t>
    </rPh>
    <phoneticPr fontId="4"/>
  </si>
  <si>
    <t>購入時期</t>
    <rPh sb="0" eb="2">
      <t>コウニュウ</t>
    </rPh>
    <rPh sb="2" eb="4">
      <t>ジキ</t>
    </rPh>
    <phoneticPr fontId="4"/>
  </si>
  <si>
    <t>理事会承認</t>
    <rPh sb="0" eb="3">
      <t>リジカイ</t>
    </rPh>
    <rPh sb="3" eb="5">
      <t>ショウニン</t>
    </rPh>
    <phoneticPr fontId="4"/>
  </si>
  <si>
    <t>（注１）「設置場所・用途」には、備品の設置場所や車輌の用途などを記入してください。</t>
    <rPh sb="1" eb="2">
      <t>チュウ</t>
    </rPh>
    <rPh sb="5" eb="7">
      <t>セッチ</t>
    </rPh>
    <rPh sb="7" eb="9">
      <t>バショ</t>
    </rPh>
    <rPh sb="10" eb="12">
      <t>ヨウト</t>
    </rPh>
    <rPh sb="16" eb="18">
      <t>ビヒン</t>
    </rPh>
    <rPh sb="19" eb="21">
      <t>セッチ</t>
    </rPh>
    <rPh sb="21" eb="23">
      <t>バショ</t>
    </rPh>
    <rPh sb="24" eb="26">
      <t>シャリョウ</t>
    </rPh>
    <rPh sb="27" eb="29">
      <t>ヨウト</t>
    </rPh>
    <rPh sb="32" eb="34">
      <t>キニュウ</t>
    </rPh>
    <phoneticPr fontId="4"/>
  </si>
  <si>
    <t>（注２）　随意契約の場合の「理由：　号」には、随意契約によることができる合理的な理由とした経理規程上の根拠規定の該当号数を記入してください。</t>
    <rPh sb="1" eb="2">
      <t>チュウ</t>
    </rPh>
    <rPh sb="5" eb="7">
      <t>ズイイ</t>
    </rPh>
    <rPh sb="7" eb="9">
      <t>ケイヤク</t>
    </rPh>
    <rPh sb="10" eb="12">
      <t>バアイ</t>
    </rPh>
    <rPh sb="14" eb="16">
      <t>リユウ</t>
    </rPh>
    <rPh sb="18" eb="19">
      <t>ゴウ</t>
    </rPh>
    <phoneticPr fontId="4"/>
  </si>
  <si>
    <t>自由記入欄</t>
    <rPh sb="0" eb="4">
      <t>ジユウキニュウ</t>
    </rPh>
    <rPh sb="4" eb="5">
      <t>ラン</t>
    </rPh>
    <phoneticPr fontId="12"/>
  </si>
  <si>
    <t>　※貴施設の管理運営等に関して、独自の特色ある取組みや、先進的な取組みがあれば</t>
    <rPh sb="2" eb="3">
      <t>キ</t>
    </rPh>
    <rPh sb="3" eb="5">
      <t>シセツ</t>
    </rPh>
    <rPh sb="6" eb="8">
      <t>カンリ</t>
    </rPh>
    <rPh sb="8" eb="10">
      <t>ウンエイ</t>
    </rPh>
    <rPh sb="10" eb="11">
      <t>トウ</t>
    </rPh>
    <rPh sb="12" eb="13">
      <t>カン</t>
    </rPh>
    <rPh sb="16" eb="18">
      <t>ドクジ</t>
    </rPh>
    <rPh sb="19" eb="21">
      <t>トクショク</t>
    </rPh>
    <rPh sb="23" eb="25">
      <t>トリク</t>
    </rPh>
    <rPh sb="28" eb="31">
      <t>センシンテキ</t>
    </rPh>
    <rPh sb="32" eb="34">
      <t>トリク</t>
    </rPh>
    <phoneticPr fontId="12"/>
  </si>
  <si>
    <t>　　 記入してください。</t>
    <rPh sb="3" eb="5">
      <t>キニュウ</t>
    </rPh>
    <phoneticPr fontId="12"/>
  </si>
  <si>
    <t>　 　その他、指導監査についての意見等、自由に記入してください。</t>
    <rPh sb="3" eb="6">
      <t>ソノタ</t>
    </rPh>
    <rPh sb="7" eb="11">
      <t>シドウカンサ</t>
    </rPh>
    <rPh sb="16" eb="18">
      <t>イケン</t>
    </rPh>
    <rPh sb="18" eb="19">
      <t>トウ</t>
    </rPh>
    <rPh sb="20" eb="22">
      <t>ジユウ</t>
    </rPh>
    <rPh sb="23" eb="25">
      <t>キニュウ</t>
    </rPh>
    <phoneticPr fontId="12"/>
  </si>
  <si>
    <t>〇社会福祉施設指導監査提出資料と共に事前に提出していただく書類</t>
    <rPh sb="5" eb="7">
      <t>シセツ</t>
    </rPh>
    <rPh sb="16" eb="17">
      <t>トモ</t>
    </rPh>
    <rPh sb="18" eb="20">
      <t>ジゼン</t>
    </rPh>
    <rPh sb="21" eb="23">
      <t>テイシュツ</t>
    </rPh>
    <rPh sb="29" eb="31">
      <t>ショルイ</t>
    </rPh>
    <phoneticPr fontId="3"/>
  </si>
  <si>
    <t>　※適宜確認用として活用ください。</t>
    <rPh sb="2" eb="4">
      <t>テキギ</t>
    </rPh>
    <rPh sb="4" eb="7">
      <t>カクニンヨウ</t>
    </rPh>
    <rPh sb="10" eb="12">
      <t>カツヨウ</t>
    </rPh>
    <phoneticPr fontId="15"/>
  </si>
  <si>
    <t>　◇決算関係資料及び施設運営関係等</t>
    <rPh sb="2" eb="4">
      <t>ケッサン</t>
    </rPh>
    <rPh sb="4" eb="6">
      <t>カンケイ</t>
    </rPh>
    <rPh sb="6" eb="8">
      <t>シリョウ</t>
    </rPh>
    <rPh sb="8" eb="9">
      <t>オヨ</t>
    </rPh>
    <rPh sb="10" eb="12">
      <t>シセツ</t>
    </rPh>
    <rPh sb="12" eb="14">
      <t>ウンエイ</t>
    </rPh>
    <rPh sb="14" eb="16">
      <t>カンケイ</t>
    </rPh>
    <rPh sb="16" eb="17">
      <t>トウ</t>
    </rPh>
    <phoneticPr fontId="3"/>
  </si>
  <si>
    <t>確認</t>
    <rPh sb="0" eb="2">
      <t>カクニン</t>
    </rPh>
    <phoneticPr fontId="15"/>
  </si>
  <si>
    <t>名称（例）</t>
    <rPh sb="0" eb="2">
      <t>メイショウ</t>
    </rPh>
    <rPh sb="3" eb="4">
      <t>レイ</t>
    </rPh>
    <phoneticPr fontId="15"/>
  </si>
  <si>
    <t>前年度決算書の写し</t>
    <rPh sb="0" eb="3">
      <t>ゼンネンド</t>
    </rPh>
    <rPh sb="3" eb="5">
      <t>ケッサン</t>
    </rPh>
    <rPh sb="5" eb="6">
      <t>ショ</t>
    </rPh>
    <rPh sb="7" eb="8">
      <t>ウツ</t>
    </rPh>
    <phoneticPr fontId="15"/>
  </si>
  <si>
    <t>今年度現況報告書の写し</t>
    <rPh sb="0" eb="3">
      <t>コンネンド</t>
    </rPh>
    <rPh sb="3" eb="5">
      <t>ゲンキョウ</t>
    </rPh>
    <rPh sb="5" eb="8">
      <t>ホウコクショ</t>
    </rPh>
    <rPh sb="9" eb="10">
      <t>ウツ</t>
    </rPh>
    <phoneticPr fontId="15"/>
  </si>
  <si>
    <t>前年度事業報告書の写し</t>
    <rPh sb="0" eb="3">
      <t>ゼンネンド</t>
    </rPh>
    <rPh sb="3" eb="5">
      <t>ジギョウ</t>
    </rPh>
    <rPh sb="5" eb="8">
      <t>ホウコクショ</t>
    </rPh>
    <rPh sb="9" eb="10">
      <t>ウツ</t>
    </rPh>
    <phoneticPr fontId="15"/>
  </si>
  <si>
    <t>今年度予算書の写し</t>
    <rPh sb="0" eb="3">
      <t>コンネンド</t>
    </rPh>
    <rPh sb="3" eb="5">
      <t>ヨサン</t>
    </rPh>
    <rPh sb="5" eb="6">
      <t>ショ</t>
    </rPh>
    <rPh sb="7" eb="8">
      <t>ウツ</t>
    </rPh>
    <phoneticPr fontId="15"/>
  </si>
  <si>
    <t>施設自己評価に関する報告書等</t>
    <rPh sb="0" eb="2">
      <t>シセツ</t>
    </rPh>
    <rPh sb="2" eb="4">
      <t>ジコ</t>
    </rPh>
    <rPh sb="4" eb="6">
      <t>ヒョウカ</t>
    </rPh>
    <rPh sb="7" eb="8">
      <t>カン</t>
    </rPh>
    <rPh sb="10" eb="13">
      <t>ホウコクショ</t>
    </rPh>
    <rPh sb="13" eb="14">
      <t>トウ</t>
    </rPh>
    <phoneticPr fontId="15"/>
  </si>
  <si>
    <t>今年度事業計画書の写し</t>
    <rPh sb="0" eb="3">
      <t>コンネンド</t>
    </rPh>
    <rPh sb="3" eb="5">
      <t>ジギョウ</t>
    </rPh>
    <rPh sb="5" eb="8">
      <t>ケイカクショ</t>
    </rPh>
    <rPh sb="9" eb="10">
      <t>ウツ</t>
    </rPh>
    <phoneticPr fontId="15"/>
  </si>
  <si>
    <t>施設平面図</t>
    <rPh sb="0" eb="2">
      <t>シセツ</t>
    </rPh>
    <rPh sb="2" eb="5">
      <t>ヘイメンズ</t>
    </rPh>
    <phoneticPr fontId="15"/>
  </si>
  <si>
    <r>
      <t>〇指導監査当日に監査会場に</t>
    </r>
    <r>
      <rPr>
        <b/>
        <sz val="14"/>
        <rFont val="ＭＳ ゴシック"/>
        <family val="3"/>
        <charset val="128"/>
      </rPr>
      <t>用意していただく主な書類</t>
    </r>
    <rPh sb="1" eb="3">
      <t>シドウ</t>
    </rPh>
    <rPh sb="3" eb="5">
      <t>カンサ</t>
    </rPh>
    <rPh sb="5" eb="7">
      <t>トウジツ</t>
    </rPh>
    <rPh sb="8" eb="10">
      <t>カンサ</t>
    </rPh>
    <rPh sb="10" eb="12">
      <t>カイジョウ</t>
    </rPh>
    <rPh sb="13" eb="15">
      <t>ヨウイ</t>
    </rPh>
    <rPh sb="21" eb="22">
      <t>オモ</t>
    </rPh>
    <rPh sb="23" eb="25">
      <t>ショルイ</t>
    </rPh>
    <phoneticPr fontId="3"/>
  </si>
  <si>
    <t>　◇規程等</t>
    <rPh sb="2" eb="4">
      <t>キテイ</t>
    </rPh>
    <rPh sb="4" eb="5">
      <t>トウ</t>
    </rPh>
    <phoneticPr fontId="3"/>
  </si>
  <si>
    <t>管理規程</t>
    <rPh sb="0" eb="2">
      <t>カンリ</t>
    </rPh>
    <rPh sb="2" eb="4">
      <t>キテイ</t>
    </rPh>
    <phoneticPr fontId="15"/>
  </si>
  <si>
    <t>給与規定</t>
    <rPh sb="0" eb="2">
      <t>キュウヨ</t>
    </rPh>
    <rPh sb="2" eb="4">
      <t>キテイ</t>
    </rPh>
    <phoneticPr fontId="15"/>
  </si>
  <si>
    <t>役員等報酬規程</t>
    <phoneticPr fontId="15"/>
  </si>
  <si>
    <t>育児休業規程</t>
    <rPh sb="0" eb="2">
      <t>イクジ</t>
    </rPh>
    <rPh sb="2" eb="4">
      <t>キュウギョウ</t>
    </rPh>
    <rPh sb="4" eb="6">
      <t>キテイ</t>
    </rPh>
    <phoneticPr fontId="3"/>
  </si>
  <si>
    <t>旅費規程</t>
    <phoneticPr fontId="15"/>
  </si>
  <si>
    <t>介護休業規程</t>
    <rPh sb="0" eb="2">
      <t>カイゴ</t>
    </rPh>
    <rPh sb="2" eb="4">
      <t>キュウギョウ</t>
    </rPh>
    <rPh sb="4" eb="6">
      <t>キテイ</t>
    </rPh>
    <phoneticPr fontId="3"/>
  </si>
  <si>
    <t>経理規程</t>
    <rPh sb="0" eb="2">
      <t>ケイリ</t>
    </rPh>
    <rPh sb="2" eb="4">
      <t>キテイ</t>
    </rPh>
    <phoneticPr fontId="3"/>
  </si>
  <si>
    <t>苦情解決に関する要綱</t>
    <phoneticPr fontId="3"/>
  </si>
  <si>
    <t>第三者委員の設置等に関する要綱</t>
    <phoneticPr fontId="3"/>
  </si>
  <si>
    <t>非常勤職員就業規則</t>
    <rPh sb="0" eb="3">
      <t>ヒジョウキン</t>
    </rPh>
    <rPh sb="3" eb="5">
      <t>ショクイン</t>
    </rPh>
    <rPh sb="5" eb="7">
      <t>シュウギョウ</t>
    </rPh>
    <rPh sb="7" eb="9">
      <t>キソク</t>
    </rPh>
    <phoneticPr fontId="3"/>
  </si>
  <si>
    <t>　◇財産・経理関係</t>
    <rPh sb="2" eb="4">
      <t>ザイサン</t>
    </rPh>
    <rPh sb="5" eb="7">
      <t>ケイリ</t>
    </rPh>
    <rPh sb="7" eb="9">
      <t>カンケイ</t>
    </rPh>
    <phoneticPr fontId="3"/>
  </si>
  <si>
    <t>計算書類（決算書）</t>
    <phoneticPr fontId="3"/>
  </si>
  <si>
    <t>寄附金品台帳</t>
    <phoneticPr fontId="3"/>
  </si>
  <si>
    <t>各種明細書</t>
    <phoneticPr fontId="3"/>
  </si>
  <si>
    <t>寄附金に係る領収書控</t>
    <phoneticPr fontId="3"/>
  </si>
  <si>
    <t>月次試算表</t>
    <phoneticPr fontId="3"/>
  </si>
  <si>
    <t>預貯金通帳（原本）</t>
    <phoneticPr fontId="3"/>
  </si>
  <si>
    <t>会計責任者・出納職員任命関係書類</t>
    <phoneticPr fontId="3"/>
  </si>
  <si>
    <t>年度末の預金残高証明書（原本）</t>
    <phoneticPr fontId="3"/>
  </si>
  <si>
    <t>総勘定元帳</t>
    <phoneticPr fontId="3"/>
  </si>
  <si>
    <t>有価証券の証書</t>
    <phoneticPr fontId="3"/>
  </si>
  <si>
    <t>仕訳・会計伝票（仕訳日記帳）</t>
    <phoneticPr fontId="3"/>
  </si>
  <si>
    <t>償還計画表</t>
    <phoneticPr fontId="3"/>
  </si>
  <si>
    <t>現金出納帳・固定資産管理台帳などの補助簿</t>
    <phoneticPr fontId="3"/>
  </si>
  <si>
    <t>本部経費各施設分担表（分担根拠）</t>
    <phoneticPr fontId="3"/>
  </si>
  <si>
    <t>証憑書類</t>
    <phoneticPr fontId="3"/>
  </si>
  <si>
    <t>退職給付引当金関係書類</t>
    <phoneticPr fontId="3"/>
  </si>
  <si>
    <t>寄附申込書</t>
    <phoneticPr fontId="3"/>
  </si>
  <si>
    <t>委託契約等の契約関係書類</t>
    <phoneticPr fontId="3"/>
  </si>
  <si>
    <t>　◇労務関係</t>
    <rPh sb="2" eb="4">
      <t>ロウム</t>
    </rPh>
    <rPh sb="4" eb="6">
      <t>カンケイ</t>
    </rPh>
    <phoneticPr fontId="3"/>
  </si>
  <si>
    <t>職員採用関係書類</t>
    <phoneticPr fontId="15"/>
  </si>
  <si>
    <t>給与口座振込同意書</t>
    <phoneticPr fontId="3"/>
  </si>
  <si>
    <t>各種辞令</t>
    <phoneticPr fontId="3"/>
  </si>
  <si>
    <t>賃金台帳</t>
    <phoneticPr fontId="3"/>
  </si>
  <si>
    <t>労働者名簿</t>
    <phoneticPr fontId="3"/>
  </si>
  <si>
    <t>諸手当認定簿</t>
    <phoneticPr fontId="3"/>
  </si>
  <si>
    <t>休日・時間外労働協定の届出</t>
    <phoneticPr fontId="3"/>
  </si>
  <si>
    <t>時間外勤務命令簿</t>
    <phoneticPr fontId="3"/>
  </si>
  <si>
    <t>賃金の法定外控除の協定書</t>
    <phoneticPr fontId="3"/>
  </si>
  <si>
    <t>職員健康診断結果票</t>
    <phoneticPr fontId="3"/>
  </si>
  <si>
    <t>　◇安全・衛生管理関係</t>
    <rPh sb="2" eb="4">
      <t>アンゼン</t>
    </rPh>
    <rPh sb="5" eb="7">
      <t>エイセイ</t>
    </rPh>
    <rPh sb="7" eb="9">
      <t>カンリ</t>
    </rPh>
    <rPh sb="9" eb="11">
      <t>カンケイ</t>
    </rPh>
    <phoneticPr fontId="3"/>
  </si>
  <si>
    <t>衛生管理者選任届</t>
    <phoneticPr fontId="3"/>
  </si>
  <si>
    <t>貯水槽清掃記録</t>
    <phoneticPr fontId="3"/>
  </si>
  <si>
    <t>害虫駆除記録</t>
    <phoneticPr fontId="3"/>
  </si>
  <si>
    <t>飲料水水質検査記録</t>
    <phoneticPr fontId="3"/>
  </si>
  <si>
    <t>循環式浴槽清掃記録</t>
    <phoneticPr fontId="3"/>
  </si>
  <si>
    <t>調理職員細菌検査結果表</t>
    <phoneticPr fontId="3"/>
  </si>
  <si>
    <t>　◇防災・消防関係</t>
    <rPh sb="2" eb="4">
      <t>ボウサイ</t>
    </rPh>
    <rPh sb="5" eb="7">
      <t>ショウボウ</t>
    </rPh>
    <rPh sb="7" eb="9">
      <t>カンケイ</t>
    </rPh>
    <phoneticPr fontId="3"/>
  </si>
  <si>
    <t>消防計画</t>
    <phoneticPr fontId="3"/>
  </si>
  <si>
    <t>消防設備保守点検記録</t>
    <phoneticPr fontId="3"/>
  </si>
  <si>
    <t>消防計画作成届出書</t>
    <phoneticPr fontId="3"/>
  </si>
  <si>
    <t>避難及び消火訓練実施記録</t>
    <phoneticPr fontId="3"/>
  </si>
  <si>
    <t>防火管理者選任届出書</t>
    <phoneticPr fontId="3"/>
  </si>
  <si>
    <t>　◇利用者関係</t>
    <rPh sb="2" eb="5">
      <t>リヨウシャ</t>
    </rPh>
    <rPh sb="5" eb="7">
      <t>カンケイ</t>
    </rPh>
    <phoneticPr fontId="3"/>
  </si>
  <si>
    <t>ケース記録</t>
    <phoneticPr fontId="3"/>
  </si>
  <si>
    <t>健康診断等結果票</t>
    <phoneticPr fontId="3"/>
  </si>
  <si>
    <t>支援計画</t>
    <phoneticPr fontId="3"/>
  </si>
  <si>
    <t>利用者預り金の取扱規程</t>
    <phoneticPr fontId="3"/>
  </si>
  <si>
    <t>事故等報告書</t>
    <phoneticPr fontId="3"/>
  </si>
  <si>
    <t>預り金出納簿</t>
    <phoneticPr fontId="3"/>
  </si>
  <si>
    <t>苦情対応等記録</t>
    <phoneticPr fontId="3"/>
  </si>
  <si>
    <t>預り金に係る通帳</t>
    <phoneticPr fontId="3"/>
  </si>
  <si>
    <t>　◇その他</t>
    <rPh sb="4" eb="5">
      <t>タ</t>
    </rPh>
    <phoneticPr fontId="3"/>
  </si>
  <si>
    <t>各種会議・委員会議事録</t>
    <phoneticPr fontId="3"/>
  </si>
  <si>
    <t>研修報告</t>
    <phoneticPr fontId="3"/>
  </si>
  <si>
    <t>職員の勤務表及び事務分担表（又は組織図）</t>
    <phoneticPr fontId="3"/>
  </si>
  <si>
    <t>・必要に応じて、監査当日に上記書類についてコピーをいただく場合があります。</t>
    <rPh sb="1" eb="3">
      <t>ヒツヨウ</t>
    </rPh>
    <rPh sb="4" eb="5">
      <t>オウ</t>
    </rPh>
    <rPh sb="8" eb="10">
      <t>カンサ</t>
    </rPh>
    <rPh sb="10" eb="12">
      <t>トウジツ</t>
    </rPh>
    <rPh sb="13" eb="15">
      <t>ジョウキ</t>
    </rPh>
    <rPh sb="15" eb="17">
      <t>ショルイ</t>
    </rPh>
    <rPh sb="29" eb="31">
      <t>バアイ</t>
    </rPh>
    <phoneticPr fontId="3"/>
  </si>
  <si>
    <t>・上記以外の書類についても、必要に応じて確認し、コピーをいただくことがあります。</t>
    <rPh sb="1" eb="3">
      <t>ジョウキ</t>
    </rPh>
    <rPh sb="3" eb="5">
      <t>イガイ</t>
    </rPh>
    <rPh sb="6" eb="8">
      <t>ショルイ</t>
    </rPh>
    <rPh sb="14" eb="16">
      <t>ヒツヨウ</t>
    </rPh>
    <rPh sb="17" eb="18">
      <t>オウ</t>
    </rPh>
    <rPh sb="20" eb="22">
      <t>カクニン</t>
    </rPh>
    <phoneticPr fontId="3"/>
  </si>
  <si>
    <t>※　</t>
    <phoneticPr fontId="3"/>
  </si>
  <si>
    <t>水色のセルは、プルダウンリストから選択してください。</t>
  </si>
  <si>
    <t>安全計画</t>
    <rPh sb="0" eb="2">
      <t>アンゼン</t>
    </rPh>
    <rPh sb="2" eb="4">
      <t>ケイカク</t>
    </rPh>
    <phoneticPr fontId="3"/>
  </si>
  <si>
    <t>業務継続計画</t>
    <rPh sb="0" eb="2">
      <t>ギョウム</t>
    </rPh>
    <rPh sb="2" eb="4">
      <t>ケイゾク</t>
    </rPh>
    <rPh sb="4" eb="6">
      <t>ケイカク</t>
    </rPh>
    <phoneticPr fontId="3"/>
  </si>
  <si>
    <t>【安全計画について】</t>
    <rPh sb="1" eb="3">
      <t>アンゼン</t>
    </rPh>
    <rPh sb="3" eb="5">
      <t>ケイカク</t>
    </rPh>
    <phoneticPr fontId="15"/>
  </si>
  <si>
    <t>１　安全計画の有無</t>
    <rPh sb="2" eb="4">
      <t>アンゼン</t>
    </rPh>
    <rPh sb="4" eb="6">
      <t>ケイカク</t>
    </rPh>
    <rPh sb="7" eb="9">
      <t>ウム</t>
    </rPh>
    <phoneticPr fontId="15"/>
  </si>
  <si>
    <t>２　職員に対する安全計画の周知</t>
    <rPh sb="2" eb="4">
      <t>ショクイン</t>
    </rPh>
    <rPh sb="5" eb="6">
      <t>タイ</t>
    </rPh>
    <rPh sb="8" eb="10">
      <t>アンゼン</t>
    </rPh>
    <rPh sb="10" eb="12">
      <t>ケイカク</t>
    </rPh>
    <rPh sb="13" eb="15">
      <t>シュウチ</t>
    </rPh>
    <phoneticPr fontId="15"/>
  </si>
  <si>
    <t>３　安全計画に定めた研修及び訓練の定期的な実施</t>
    <rPh sb="2" eb="4">
      <t>アンゼン</t>
    </rPh>
    <rPh sb="4" eb="6">
      <t>ケイカク</t>
    </rPh>
    <rPh sb="7" eb="8">
      <t>サダ</t>
    </rPh>
    <rPh sb="10" eb="12">
      <t>ケンシュウ</t>
    </rPh>
    <rPh sb="12" eb="13">
      <t>オヨ</t>
    </rPh>
    <rPh sb="14" eb="16">
      <t>クンレン</t>
    </rPh>
    <rPh sb="17" eb="20">
      <t>テイキテキ</t>
    </rPh>
    <rPh sb="21" eb="23">
      <t>ジッシ</t>
    </rPh>
    <phoneticPr fontId="15"/>
  </si>
  <si>
    <t>　・年度途中で契約を開始するなど令和５年度中の支払額が１００万円に満たないものであっても契約金額が１００万円以上の契約は記入してください。</t>
    <rPh sb="2" eb="4">
      <t>ネンド</t>
    </rPh>
    <rPh sb="4" eb="6">
      <t>トチュウ</t>
    </rPh>
    <rPh sb="7" eb="9">
      <t>ケイヤク</t>
    </rPh>
    <rPh sb="10" eb="12">
      <t>カイシ</t>
    </rPh>
    <rPh sb="16" eb="18">
      <t>レイワ</t>
    </rPh>
    <rPh sb="20" eb="21">
      <t>ド</t>
    </rPh>
    <rPh sb="21" eb="22">
      <t>チュウ</t>
    </rPh>
    <rPh sb="23" eb="25">
      <t>シハライ</t>
    </rPh>
    <rPh sb="25" eb="26">
      <t>ガク</t>
    </rPh>
    <rPh sb="30" eb="32">
      <t>マンエン</t>
    </rPh>
    <rPh sb="33" eb="34">
      <t>ミ</t>
    </rPh>
    <rPh sb="44" eb="46">
      <t>ケイヤク</t>
    </rPh>
    <rPh sb="46" eb="48">
      <t>キンガク</t>
    </rPh>
    <rPh sb="52" eb="56">
      <t>マンエンイジョウ</t>
    </rPh>
    <rPh sb="57" eb="59">
      <t>ケイヤク</t>
    </rPh>
    <rPh sb="60" eb="62">
      <t>キニュウ</t>
    </rPh>
    <phoneticPr fontId="4"/>
  </si>
  <si>
    <t>令和　　　年　　　月　　　日提出</t>
    <rPh sb="0" eb="2">
      <t>レイワ</t>
    </rPh>
    <rPh sb="5" eb="6">
      <t>トシ</t>
    </rPh>
    <rPh sb="9" eb="10">
      <t>ツキ</t>
    </rPh>
    <rPh sb="13" eb="14">
      <t>ヒ</t>
    </rPh>
    <rPh sb="14" eb="16">
      <t>テイシュツ</t>
    </rPh>
    <phoneticPr fontId="12"/>
  </si>
  <si>
    <t>施設種別</t>
    <rPh sb="0" eb="2">
      <t>シセツ</t>
    </rPh>
    <rPh sb="2" eb="4">
      <t>シュベツ</t>
    </rPh>
    <phoneticPr fontId="3"/>
  </si>
  <si>
    <t>　施設名</t>
    <rPh sb="1" eb="4">
      <t>シセツメイ</t>
    </rPh>
    <phoneticPr fontId="12"/>
  </si>
  <si>
    <t>　（ふりがな）</t>
    <phoneticPr fontId="3"/>
  </si>
  <si>
    <t>〒</t>
    <phoneticPr fontId="3"/>
  </si>
  <si>
    <t>TEL</t>
    <phoneticPr fontId="3"/>
  </si>
  <si>
    <t>　　年　　月　　日</t>
    <phoneticPr fontId="3"/>
  </si>
  <si>
    <t>　施設長の氏名等</t>
    <phoneticPr fontId="3"/>
  </si>
  <si>
    <t>氏名</t>
    <rPh sb="0" eb="2">
      <t>シメイ</t>
    </rPh>
    <phoneticPr fontId="3"/>
  </si>
  <si>
    <r>
      <t xml:space="preserve">専任・兼任の別
</t>
    </r>
    <r>
      <rPr>
        <sz val="6"/>
        <rFont val="ＭＳ Ｐゴシック"/>
        <family val="3"/>
        <charset val="128"/>
      </rPr>
      <t>（⇒プルダウンリストから選択）</t>
    </r>
    <rPh sb="0" eb="2">
      <t>センニン</t>
    </rPh>
    <rPh sb="3" eb="5">
      <t>ケンニン</t>
    </rPh>
    <rPh sb="6" eb="7">
      <t>ベツ</t>
    </rPh>
    <rPh sb="20" eb="22">
      <t>センタク</t>
    </rPh>
    <phoneticPr fontId="3"/>
  </si>
  <si>
    <t>　　就任年月日：　　　　　　年　　月　　日　　　</t>
    <rPh sb="2" eb="4">
      <t>シュウニン</t>
    </rPh>
    <rPh sb="4" eb="7">
      <t>ネンガッピ</t>
    </rPh>
    <rPh sb="14" eb="15">
      <t>ネン</t>
    </rPh>
    <rPh sb="17" eb="18">
      <t>ガツ</t>
    </rPh>
    <rPh sb="20" eb="21">
      <t>ニチ</t>
    </rPh>
    <phoneticPr fontId="12"/>
  </si>
  <si>
    <r>
      <t xml:space="preserve">届出の有・無
</t>
    </r>
    <r>
      <rPr>
        <sz val="6"/>
        <rFont val="ＭＳ Ｐゴシック"/>
        <family val="3"/>
        <charset val="128"/>
      </rPr>
      <t>（⇒プルダウンリストから選択）</t>
    </r>
    <rPh sb="0" eb="2">
      <t>トドケデ</t>
    </rPh>
    <rPh sb="3" eb="4">
      <t>アリ</t>
    </rPh>
    <rPh sb="5" eb="6">
      <t>ナシ</t>
    </rPh>
    <rPh sb="19" eb="21">
      <t>センタク</t>
    </rPh>
    <phoneticPr fontId="12"/>
  </si>
  <si>
    <t>設置の形態    ：    　</t>
    <rPh sb="0" eb="2">
      <t>セッチ</t>
    </rPh>
    <rPh sb="3" eb="5">
      <t>ケイタイ</t>
    </rPh>
    <phoneticPr fontId="12"/>
  </si>
  <si>
    <t>　第三者委員
　の氏名･役職</t>
    <rPh sb="1" eb="4">
      <t>ダイサンシャ</t>
    </rPh>
    <rPh sb="4" eb="6">
      <t>イイン</t>
    </rPh>
    <phoneticPr fontId="12"/>
  </si>
  <si>
    <t>　苦情解決責任者
　の職･氏名</t>
    <rPh sb="1" eb="3">
      <t>クジョウ</t>
    </rPh>
    <rPh sb="3" eb="5">
      <t>カイケツ</t>
    </rPh>
    <rPh sb="5" eb="8">
      <t>セキニンシャ</t>
    </rPh>
    <phoneticPr fontId="12"/>
  </si>
  <si>
    <t>　苦情受付担当者
　の職･氏名</t>
    <rPh sb="1" eb="3">
      <t>クジョウ</t>
    </rPh>
    <rPh sb="3" eb="5">
      <t>ウケツケ</t>
    </rPh>
    <rPh sb="5" eb="8">
      <t>タントウシャ</t>
    </rPh>
    <phoneticPr fontId="12"/>
  </si>
  <si>
    <t>（　　　　年　　　月　　　日施行）</t>
    <rPh sb="5" eb="6">
      <t>ネン</t>
    </rPh>
    <rPh sb="9" eb="10">
      <t>ツキ</t>
    </rPh>
    <rPh sb="13" eb="14">
      <t>ニチ</t>
    </rPh>
    <rPh sb="14" eb="16">
      <t>シコウ</t>
    </rPh>
    <phoneticPr fontId="3"/>
  </si>
  <si>
    <t>苦情の内容等の記録の有無</t>
    <rPh sb="0" eb="2">
      <t>クジョウ</t>
    </rPh>
    <rPh sb="3" eb="6">
      <t>ナイヨウトウ</t>
    </rPh>
    <rPh sb="7" eb="9">
      <t>キロク</t>
    </rPh>
    <rPh sb="10" eb="12">
      <t>ウム</t>
    </rPh>
    <phoneticPr fontId="3"/>
  </si>
  <si>
    <t>地上権・賃借権の登記</t>
    <rPh sb="0" eb="3">
      <t>チジョウケン</t>
    </rPh>
    <rPh sb="4" eb="7">
      <t>チンシャクケン</t>
    </rPh>
    <rPh sb="8" eb="10">
      <t>トウキ</t>
    </rPh>
    <phoneticPr fontId="3"/>
  </si>
  <si>
    <t>契　約　書</t>
    <phoneticPr fontId="3"/>
  </si>
  <si>
    <t>賃借権の登記</t>
    <rPh sb="0" eb="3">
      <t>チンシャクケン</t>
    </rPh>
    <rPh sb="4" eb="6">
      <t>トウキ</t>
    </rPh>
    <phoneticPr fontId="3"/>
  </si>
  <si>
    <t>契　約　書</t>
    <rPh sb="0" eb="5">
      <t>ケイヤクショ</t>
    </rPh>
    <phoneticPr fontId="3"/>
  </si>
  <si>
    <t>（作成していない理由：　　　　　　　　　　　　　　　　　　　　　　　）</t>
    <phoneticPr fontId="3"/>
  </si>
  <si>
    <t>○意見・要望把握に向けた取組み有無</t>
    <rPh sb="1" eb="3">
      <t>イケン</t>
    </rPh>
    <rPh sb="4" eb="6">
      <t>ヨウボウ</t>
    </rPh>
    <rPh sb="6" eb="8">
      <t>ハアク</t>
    </rPh>
    <rPh sb="9" eb="10">
      <t>ム</t>
    </rPh>
    <rPh sb="12" eb="14">
      <t>トリク</t>
    </rPh>
    <rPh sb="15" eb="17">
      <t>ウム</t>
    </rPh>
    <phoneticPr fontId="3"/>
  </si>
  <si>
    <t>　（取組み状況又は無しの理由を記載してください）</t>
    <phoneticPr fontId="3"/>
  </si>
  <si>
    <t>記　録
有無</t>
    <rPh sb="0" eb="3">
      <t>キロク</t>
    </rPh>
    <rPh sb="4" eb="6">
      <t>ウム</t>
    </rPh>
    <phoneticPr fontId="3"/>
  </si>
  <si>
    <t>規　約
有無</t>
    <rPh sb="0" eb="1">
      <t>キ</t>
    </rPh>
    <rPh sb="2" eb="3">
      <t>ヤク</t>
    </rPh>
    <rPh sb="4" eb="6">
      <t>ウム</t>
    </rPh>
    <phoneticPr fontId="3"/>
  </si>
  <si>
    <t>　（１）入所者損害賠償保険の加入状況　　（　　　　　　　　　　　　　　　　　　　　　　　　）</t>
    <phoneticPr fontId="4"/>
  </si>
  <si>
    <t>　（２）施設賠償責任保険等の加入状況　　（　　　　　　　　　　　　　　　　　　　　　　　　）</t>
    <phoneticPr fontId="4"/>
  </si>
  <si>
    <t>衛生管理者選任報告書
提出の有無</t>
    <rPh sb="0" eb="2">
      <t>エイセイ</t>
    </rPh>
    <rPh sb="2" eb="5">
      <t>カンリシャ</t>
    </rPh>
    <rPh sb="5" eb="7">
      <t>センニン</t>
    </rPh>
    <rPh sb="7" eb="10">
      <t>ホウコクショ</t>
    </rPh>
    <rPh sb="11" eb="13">
      <t>テイシュツ</t>
    </rPh>
    <rPh sb="14" eb="16">
      <t>ウム</t>
    </rPh>
    <phoneticPr fontId="3"/>
  </si>
  <si>
    <t>産業医の選任報告書
提出の有無</t>
    <rPh sb="0" eb="3">
      <t>サンギョウイ</t>
    </rPh>
    <rPh sb="4" eb="6">
      <t>センニン</t>
    </rPh>
    <rPh sb="6" eb="9">
      <t>ホウコクショ</t>
    </rPh>
    <rPh sb="10" eb="12">
      <t>テイシュツ</t>
    </rPh>
    <rPh sb="13" eb="15">
      <t>ウム</t>
    </rPh>
    <phoneticPr fontId="3"/>
  </si>
  <si>
    <t>衛生委員会
設置の有無</t>
    <rPh sb="0" eb="2">
      <t>エイセイ</t>
    </rPh>
    <rPh sb="2" eb="5">
      <t>イインカイ</t>
    </rPh>
    <rPh sb="6" eb="8">
      <t>セッチ</t>
    </rPh>
    <rPh sb="9" eb="11">
      <t>ウム</t>
    </rPh>
    <phoneticPr fontId="3"/>
  </si>
  <si>
    <t>定期健康診断結果
報告の有無</t>
    <rPh sb="0" eb="6">
      <t>テイキケンコウシンダン</t>
    </rPh>
    <rPh sb="6" eb="8">
      <t>ケッカ</t>
    </rPh>
    <rPh sb="9" eb="11">
      <t>ホウコク</t>
    </rPh>
    <rPh sb="12" eb="14">
      <t>ウム</t>
    </rPh>
    <phoneticPr fontId="3"/>
  </si>
  <si>
    <t>衛生推進者
　選任の有無</t>
    <rPh sb="0" eb="2">
      <t>エイセイ</t>
    </rPh>
    <rPh sb="2" eb="5">
      <t>スイシンシャ</t>
    </rPh>
    <rPh sb="7" eb="9">
      <t>センニン</t>
    </rPh>
    <rPh sb="10" eb="12">
      <t>ウム</t>
    </rPh>
    <phoneticPr fontId="3"/>
  </si>
  <si>
    <t>辞令、事務分担表等の明記の有無</t>
    <rPh sb="0" eb="2">
      <t>ジレイ</t>
    </rPh>
    <rPh sb="3" eb="5">
      <t>ジム</t>
    </rPh>
    <rPh sb="5" eb="8">
      <t>ブンタンヒョウ</t>
    </rPh>
    <rPh sb="8" eb="9">
      <t>トウ</t>
    </rPh>
    <rPh sb="10" eb="12">
      <t>メイキ</t>
    </rPh>
    <rPh sb="13" eb="15">
      <t>ウム</t>
    </rPh>
    <phoneticPr fontId="4"/>
  </si>
  <si>
    <t>提出
年月日</t>
    <rPh sb="0" eb="2">
      <t>テイシュツ</t>
    </rPh>
    <rPh sb="3" eb="6">
      <t>ネンガッピ</t>
    </rPh>
    <phoneticPr fontId="4"/>
  </si>
  <si>
    <t>設置
年月日</t>
    <rPh sb="0" eb="2">
      <t>セッチ</t>
    </rPh>
    <rPh sb="3" eb="6">
      <t>ネンガッピ</t>
    </rPh>
    <phoneticPr fontId="4"/>
  </si>
  <si>
    <t>報告
年月日</t>
    <rPh sb="0" eb="2">
      <t>ホウコク</t>
    </rPh>
    <rPh sb="3" eb="6">
      <t>ネンガッピ</t>
    </rPh>
    <phoneticPr fontId="4"/>
  </si>
  <si>
    <t>選任
年月日</t>
    <rPh sb="0" eb="2">
      <t>センニン</t>
    </rPh>
    <rPh sb="3" eb="6">
      <t>ネンガッピ</t>
    </rPh>
    <phoneticPr fontId="4"/>
  </si>
  <si>
    <t>年　月　日</t>
    <rPh sb="0" eb="1">
      <t>ネン</t>
    </rPh>
    <rPh sb="2" eb="3">
      <t>ツキ</t>
    </rPh>
    <rPh sb="4" eb="5">
      <t>ヒ</t>
    </rPh>
    <phoneticPr fontId="4"/>
  </si>
  <si>
    <t>⇓有無を選択</t>
    <rPh sb="1" eb="3">
      <t>ウム</t>
    </rPh>
    <rPh sb="4" eb="6">
      <t>センタク</t>
    </rPh>
    <phoneticPr fontId="4"/>
  </si>
  <si>
    <r>
      <t>受水槽の位置　</t>
    </r>
    <r>
      <rPr>
        <sz val="8"/>
        <rFont val="ＭＳ Ｐゴシック"/>
        <family val="3"/>
        <charset val="128"/>
      </rPr>
      <t>※プルダウンから選択</t>
    </r>
    <phoneticPr fontId="3"/>
  </si>
  <si>
    <t>（　　　　　　　　　　　　　トン）</t>
    <phoneticPr fontId="3"/>
  </si>
  <si>
    <t>（　　　　　年　　　月　　　日）</t>
    <rPh sb="6" eb="7">
      <t>トシ</t>
    </rPh>
    <rPh sb="10" eb="11">
      <t>ルナ</t>
    </rPh>
    <rPh sb="14" eb="15">
      <t>ニチ</t>
    </rPh>
    <phoneticPr fontId="3"/>
  </si>
  <si>
    <t>防火設備</t>
    <rPh sb="0" eb="2">
      <t>ボウカ</t>
    </rPh>
    <rPh sb="2" eb="4">
      <t>セツビ</t>
    </rPh>
    <phoneticPr fontId="3"/>
  </si>
  <si>
    <t>消防用設備</t>
    <rPh sb="0" eb="3">
      <t>ショウボウヨウ</t>
    </rPh>
    <rPh sb="3" eb="5">
      <t>セツビ</t>
    </rPh>
    <phoneticPr fontId="3"/>
  </si>
  <si>
    <t>　カーテン・布製ブラインド等の防炎性能</t>
    <rPh sb="6" eb="7">
      <t>ヌノ</t>
    </rPh>
    <rPh sb="7" eb="8">
      <t>セイ</t>
    </rPh>
    <rPh sb="13" eb="14">
      <t>トウ</t>
    </rPh>
    <rPh sb="15" eb="17">
      <t>ボウエン</t>
    </rPh>
    <rPh sb="17" eb="19">
      <t>セイノウ</t>
    </rPh>
    <phoneticPr fontId="3"/>
  </si>
  <si>
    <t>　　「その他」の（　  ）内には、不審者、消防署通報、保護者引渡、夜間想定　等を記入してください。</t>
    <rPh sb="5" eb="6">
      <t>タ</t>
    </rPh>
    <rPh sb="13" eb="14">
      <t>ナイ</t>
    </rPh>
    <rPh sb="17" eb="20">
      <t>フシンシャ</t>
    </rPh>
    <rPh sb="21" eb="24">
      <t>ショウボウショ</t>
    </rPh>
    <rPh sb="24" eb="26">
      <t>ツウホウ</t>
    </rPh>
    <rPh sb="27" eb="30">
      <t>ホゴシャ</t>
    </rPh>
    <rPh sb="30" eb="32">
      <t>ヒキワタシ</t>
    </rPh>
    <rPh sb="33" eb="35">
      <t>ヤカン</t>
    </rPh>
    <rPh sb="35" eb="37">
      <t>ソウテイ</t>
    </rPh>
    <rPh sb="38" eb="39">
      <t>トウ</t>
    </rPh>
    <rPh sb="40" eb="42">
      <t>キニュウ</t>
    </rPh>
    <phoneticPr fontId="4"/>
  </si>
  <si>
    <t>　　　　　　　　　年　　　　　月　　　　　日</t>
    <rPh sb="9" eb="10">
      <t>トシ</t>
    </rPh>
    <rPh sb="15" eb="16">
      <t>ツキ</t>
    </rPh>
    <rPh sb="21" eb="22">
      <t>ヒ</t>
    </rPh>
    <phoneticPr fontId="3"/>
  </si>
  <si>
    <t>策定の有無</t>
    <rPh sb="0" eb="2">
      <t>サクテイ</t>
    </rPh>
    <rPh sb="3" eb="5">
      <t>ウム</t>
    </rPh>
    <phoneticPr fontId="4"/>
  </si>
  <si>
    <t>名　称</t>
    <rPh sb="0" eb="1">
      <t>ナ</t>
    </rPh>
    <rPh sb="2" eb="3">
      <t>ショウ</t>
    </rPh>
    <phoneticPr fontId="3"/>
  </si>
  <si>
    <t>（　　　　　　　　　　　　　　　　　　　　　　　　　　　）</t>
    <phoneticPr fontId="3"/>
  </si>
  <si>
    <t>規定内容</t>
    <rPh sb="0" eb="2">
      <t>キテイ</t>
    </rPh>
    <rPh sb="2" eb="4">
      <t>ナイヨウ</t>
    </rPh>
    <phoneticPr fontId="4"/>
  </si>
  <si>
    <t>指定の状況</t>
    <rPh sb="0" eb="2">
      <t>シテイ</t>
    </rPh>
    <rPh sb="3" eb="5">
      <t>ジョウキョウ</t>
    </rPh>
    <phoneticPr fontId="3"/>
  </si>
  <si>
    <t>避難確保計画の作成の有無</t>
    <rPh sb="0" eb="2">
      <t>ヒナン</t>
    </rPh>
    <rPh sb="2" eb="4">
      <t>カクホ</t>
    </rPh>
    <rPh sb="4" eb="6">
      <t>ケイカク</t>
    </rPh>
    <rPh sb="7" eb="9">
      <t>サクセイ</t>
    </rPh>
    <rPh sb="10" eb="12">
      <t>ウム</t>
    </rPh>
    <phoneticPr fontId="3"/>
  </si>
  <si>
    <t>＊消防計画等に基づいた連絡体制網等の、現在（令和７年４月時点）利用しているものの（写し）</t>
    <rPh sb="1" eb="3">
      <t>ショウボウ</t>
    </rPh>
    <rPh sb="3" eb="5">
      <t>ケイカク</t>
    </rPh>
    <rPh sb="5" eb="6">
      <t>トウ</t>
    </rPh>
    <rPh sb="7" eb="8">
      <t>モト</t>
    </rPh>
    <rPh sb="11" eb="13">
      <t>レンラク</t>
    </rPh>
    <rPh sb="13" eb="15">
      <t>タイセイ</t>
    </rPh>
    <rPh sb="15" eb="16">
      <t>モウ</t>
    </rPh>
    <rPh sb="16" eb="17">
      <t>トウ</t>
    </rPh>
    <rPh sb="19" eb="21">
      <t>ゲンザイ</t>
    </rPh>
    <rPh sb="22" eb="24">
      <t>レイワ</t>
    </rPh>
    <rPh sb="27" eb="28">
      <t>ガツ</t>
    </rPh>
    <rPh sb="28" eb="30">
      <t>ジテン</t>
    </rPh>
    <rPh sb="31" eb="33">
      <t>リヨウ</t>
    </rPh>
    <rPh sb="41" eb="42">
      <t>ウツ</t>
    </rPh>
    <phoneticPr fontId="4"/>
  </si>
  <si>
    <t>）</t>
    <phoneticPr fontId="3"/>
  </si>
  <si>
    <t>職種（</t>
    <rPh sb="0" eb="2">
      <t>ショクシュ</t>
    </rPh>
    <phoneticPr fontId="4"/>
  </si>
  <si>
    <t>※加入状況にチェックをしてください。加入しているが一部未加入職員がいる場合、職員の種類も選択してください。</t>
    <rPh sb="1" eb="3">
      <t>カニュウ</t>
    </rPh>
    <rPh sb="3" eb="5">
      <t>ジョウキョウ</t>
    </rPh>
    <rPh sb="18" eb="20">
      <t>カニュウ</t>
    </rPh>
    <rPh sb="25" eb="27">
      <t>イチブ</t>
    </rPh>
    <rPh sb="27" eb="30">
      <t>ミカニュウ</t>
    </rPh>
    <rPh sb="30" eb="32">
      <t>ショクイン</t>
    </rPh>
    <rPh sb="35" eb="37">
      <t>バアイ</t>
    </rPh>
    <rPh sb="38" eb="40">
      <t>ショクイン</t>
    </rPh>
    <rPh sb="41" eb="43">
      <t>シュルイ</t>
    </rPh>
    <rPh sb="44" eb="46">
      <t>センタク</t>
    </rPh>
    <phoneticPr fontId="3"/>
  </si>
  <si>
    <t>※該当するもの選択（○）をしてください。</t>
    <rPh sb="1" eb="3">
      <t>ガイトウ</t>
    </rPh>
    <rPh sb="7" eb="9">
      <t>センタク</t>
    </rPh>
    <phoneticPr fontId="3"/>
  </si>
  <si>
    <t>　　　年　　　月　　　日</t>
    <rPh sb="3" eb="4">
      <t>トシ</t>
    </rPh>
    <rPh sb="7" eb="8">
      <t>ツキ</t>
    </rPh>
    <rPh sb="11" eb="12">
      <t>ヒ</t>
    </rPh>
    <phoneticPr fontId="3"/>
  </si>
  <si>
    <t>　雇用時の労働条件明示</t>
    <rPh sb="1" eb="3">
      <t>コヨウ</t>
    </rPh>
    <rPh sb="3" eb="4">
      <t>ジ</t>
    </rPh>
    <rPh sb="5" eb="7">
      <t>ロウドウ</t>
    </rPh>
    <rPh sb="7" eb="9">
      <t>ジョウケン</t>
    </rPh>
    <rPh sb="9" eb="11">
      <t>メイジ</t>
    </rPh>
    <phoneticPr fontId="3"/>
  </si>
  <si>
    <t>※書面の種類</t>
    <rPh sb="1" eb="3">
      <t>ショメン</t>
    </rPh>
    <rPh sb="4" eb="6">
      <t>シュルイ</t>
    </rPh>
    <phoneticPr fontId="3"/>
  </si>
  <si>
    <t>　非常勤職員賃金</t>
    <rPh sb="1" eb="4">
      <t>ヒジョウキン</t>
    </rPh>
    <rPh sb="4" eb="6">
      <t>ショクイン</t>
    </rPh>
    <rPh sb="6" eb="8">
      <t>チンギン</t>
    </rPh>
    <phoneticPr fontId="3"/>
  </si>
  <si>
    <t>　（　　　　　）円　～　（　　　　　）円／時間</t>
    <rPh sb="8" eb="9">
      <t>エン</t>
    </rPh>
    <rPh sb="19" eb="20">
      <t>エン</t>
    </rPh>
    <rPh sb="21" eb="23">
      <t>ジカン</t>
    </rPh>
    <phoneticPr fontId="3"/>
  </si>
  <si>
    <t>（改正(直近)：　　　　　　　　年　　　　月　　　　日）</t>
    <rPh sb="1" eb="3">
      <t>カイセイ</t>
    </rPh>
    <rPh sb="4" eb="6">
      <t>チョッキン</t>
    </rPh>
    <rPh sb="16" eb="17">
      <t>トシ</t>
    </rPh>
    <rPh sb="21" eb="22">
      <t>ツキ</t>
    </rPh>
    <rPh sb="26" eb="27">
      <t>ヒ</t>
    </rPh>
    <phoneticPr fontId="3"/>
  </si>
  <si>
    <t>　割増賃金の支給</t>
    <rPh sb="1" eb="3">
      <t>ワリマシ</t>
    </rPh>
    <rPh sb="3" eb="5">
      <t>チンギン</t>
    </rPh>
    <rPh sb="6" eb="8">
      <t>シキュウ</t>
    </rPh>
    <phoneticPr fontId="3"/>
  </si>
  <si>
    <t>①月６０時間を越える部分</t>
    <rPh sb="1" eb="2">
      <t>ツキ</t>
    </rPh>
    <rPh sb="4" eb="6">
      <t>ジカン</t>
    </rPh>
    <rPh sb="7" eb="8">
      <t>コ</t>
    </rPh>
    <rPh sb="10" eb="12">
      <t>ブブン</t>
    </rPh>
    <phoneticPr fontId="3"/>
  </si>
  <si>
    <t>②深夜勤務（午後１０時以降）</t>
    <phoneticPr fontId="3"/>
  </si>
  <si>
    <t>　直接処遇職員　　宿直（　　　　）名：一人月平均（　　　）回　　夜勤（　　　　　）回</t>
    <rPh sb="1" eb="3">
      <t>チョクセツ</t>
    </rPh>
    <rPh sb="3" eb="5">
      <t>ショグウ</t>
    </rPh>
    <rPh sb="5" eb="7">
      <t>ショクイン</t>
    </rPh>
    <rPh sb="9" eb="11">
      <t>シュクチョク</t>
    </rPh>
    <rPh sb="17" eb="18">
      <t>ナ</t>
    </rPh>
    <rPh sb="19" eb="21">
      <t>ヒトリ</t>
    </rPh>
    <rPh sb="21" eb="24">
      <t>ツキヘイキン</t>
    </rPh>
    <rPh sb="29" eb="30">
      <t>カイ</t>
    </rPh>
    <rPh sb="32" eb="34">
      <t>ヤキン</t>
    </rPh>
    <rPh sb="41" eb="42">
      <t>カイ</t>
    </rPh>
    <phoneticPr fontId="3"/>
  </si>
  <si>
    <t>　妊娠中の（　</t>
    <rPh sb="1" eb="4">
      <t>ニンシンチュウ</t>
    </rPh>
    <phoneticPr fontId="3"/>
  </si>
  <si>
    <t>）免除</t>
    <rPh sb="1" eb="3">
      <t>メンジョ</t>
    </rPh>
    <phoneticPr fontId="3"/>
  </si>
  <si>
    <t>該当の有無</t>
    <rPh sb="0" eb="2">
      <t>ガイトウ</t>
    </rPh>
    <rPh sb="3" eb="5">
      <t>ウム</t>
    </rPh>
    <phoneticPr fontId="3"/>
  </si>
  <si>
    <t>　産後の（　</t>
    <rPh sb="1" eb="2">
      <t>サン</t>
    </rPh>
    <rPh sb="2" eb="3">
      <t>アト</t>
    </rPh>
    <phoneticPr fontId="3"/>
  </si>
  <si>
    <t>定年制
の有無</t>
    <rPh sb="0" eb="3">
      <t>テイネンセイ</t>
    </rPh>
    <rPh sb="5" eb="7">
      <t>ウム</t>
    </rPh>
    <phoneticPr fontId="3"/>
  </si>
  <si>
    <t>定年延長制度の有無</t>
    <rPh sb="0" eb="2">
      <t>テイネン</t>
    </rPh>
    <rPh sb="2" eb="4">
      <t>エンチョウ</t>
    </rPh>
    <rPh sb="4" eb="6">
      <t>セイド</t>
    </rPh>
    <rPh sb="7" eb="9">
      <t>ウム</t>
    </rPh>
    <phoneticPr fontId="3"/>
  </si>
  <si>
    <t>　給与規定</t>
    <rPh sb="1" eb="3">
      <t>キュウヨ</t>
    </rPh>
    <rPh sb="3" eb="5">
      <t>キテイ</t>
    </rPh>
    <phoneticPr fontId="3"/>
  </si>
  <si>
    <t>改正年月日(直近)　：　　　　年　　　月　　　日</t>
    <phoneticPr fontId="3"/>
  </si>
  <si>
    <t>　初任給格付</t>
    <rPh sb="1" eb="4">
      <t>ショニンキュウ</t>
    </rPh>
    <rPh sb="4" eb="6">
      <t>カクヅ</t>
    </rPh>
    <phoneticPr fontId="3"/>
  </si>
  <si>
    <t>　注　①次の手当は、算入しないこと。</t>
    <rPh sb="1" eb="2">
      <t>チュウ</t>
    </rPh>
    <rPh sb="4" eb="5">
      <t>ツギ</t>
    </rPh>
    <rPh sb="6" eb="8">
      <t>テアテ</t>
    </rPh>
    <rPh sb="10" eb="12">
      <t>サンニュウ</t>
    </rPh>
    <phoneticPr fontId="3"/>
  </si>
  <si>
    <t>ウ　一か月を超える期間ごとに支給されるもの（期末手当）</t>
    <rPh sb="2" eb="3">
      <t>イッ</t>
    </rPh>
    <rPh sb="4" eb="5">
      <t>ゲツ</t>
    </rPh>
    <rPh sb="6" eb="7">
      <t>コ</t>
    </rPh>
    <rPh sb="9" eb="11">
      <t>キカン</t>
    </rPh>
    <rPh sb="14" eb="16">
      <t>シキュウ</t>
    </rPh>
    <rPh sb="22" eb="26">
      <t>キマツテアテ</t>
    </rPh>
    <phoneticPr fontId="3"/>
  </si>
  <si>
    <t>　　　 ②通勤、扶養、時間外、休日等の手当は除く。</t>
    <rPh sb="5" eb="7">
      <t>ツウキン</t>
    </rPh>
    <rPh sb="8" eb="10">
      <t>フヨウ</t>
    </rPh>
    <rPh sb="11" eb="14">
      <t>ジカンガイ</t>
    </rPh>
    <rPh sb="15" eb="17">
      <t>キュウジツ</t>
    </rPh>
    <rPh sb="17" eb="18">
      <t>トウ</t>
    </rPh>
    <rPh sb="19" eb="21">
      <t>テアテ</t>
    </rPh>
    <rPh sb="22" eb="23">
      <t>ノゾ</t>
    </rPh>
    <phoneticPr fontId="3"/>
  </si>
  <si>
    <t>　　注　①　本表は、令和７年４月１日現在の職員の状況を記入すること。</t>
    <rPh sb="2" eb="3">
      <t>チュウ</t>
    </rPh>
    <rPh sb="6" eb="7">
      <t>ホン</t>
    </rPh>
    <rPh sb="7" eb="8">
      <t>ヒョウ</t>
    </rPh>
    <rPh sb="10" eb="12">
      <t>レイワ</t>
    </rPh>
    <rPh sb="15" eb="16">
      <t>ガツ</t>
    </rPh>
    <rPh sb="17" eb="18">
      <t>ニチ</t>
    </rPh>
    <rPh sb="18" eb="20">
      <t>ゲンザイ</t>
    </rPh>
    <rPh sb="21" eb="23">
      <t>ゼンショクイン</t>
    </rPh>
    <rPh sb="24" eb="26">
      <t>ジョウキョウ</t>
    </rPh>
    <rPh sb="27" eb="29">
      <t>キニュウ</t>
    </rPh>
    <phoneticPr fontId="3"/>
  </si>
  <si>
    <t>　円</t>
    <phoneticPr fontId="3"/>
  </si>
  <si>
    <t>歳</t>
    <phoneticPr fontId="3"/>
  </si>
  <si>
    <t>給食費徴収の有無</t>
    <rPh sb="0" eb="2">
      <t>キュウショク</t>
    </rPh>
    <rPh sb="2" eb="3">
      <t>ヒ</t>
    </rPh>
    <rPh sb="3" eb="5">
      <t>チョウシュウ</t>
    </rPh>
    <rPh sb="6" eb="8">
      <t>ウム</t>
    </rPh>
    <phoneticPr fontId="3"/>
  </si>
  <si>
    <t>本人負担額</t>
    <rPh sb="0" eb="2">
      <t>ホンニン</t>
    </rPh>
    <rPh sb="2" eb="5">
      <t>フタンガク</t>
    </rPh>
    <phoneticPr fontId="3"/>
  </si>
  <si>
    <t>（単価：円）</t>
    <rPh sb="1" eb="3">
      <t>タンカ</t>
    </rPh>
    <rPh sb="4" eb="5">
      <t>エン</t>
    </rPh>
    <phoneticPr fontId="3"/>
  </si>
  <si>
    <t>利用者数</t>
    <rPh sb="0" eb="4">
      <t>リヨウシャスウ</t>
    </rPh>
    <phoneticPr fontId="3"/>
  </si>
  <si>
    <t>（人）</t>
    <rPh sb="1" eb="2">
      <t>ニン</t>
    </rPh>
    <phoneticPr fontId="3"/>
  </si>
  <si>
    <t>独　身　者　用</t>
    <rPh sb="0" eb="1">
      <t>ドク</t>
    </rPh>
    <rPh sb="2" eb="3">
      <t>ミ</t>
    </rPh>
    <rPh sb="4" eb="5">
      <t>モノ</t>
    </rPh>
    <rPh sb="6" eb="7">
      <t>ヨウ</t>
    </rPh>
    <phoneticPr fontId="3"/>
  </si>
  <si>
    <t>家　族　用</t>
    <rPh sb="0" eb="1">
      <t>イエ</t>
    </rPh>
    <rPh sb="2" eb="3">
      <t>ヤカラ</t>
    </rPh>
    <rPh sb="4" eb="5">
      <t>ヨウ</t>
    </rPh>
    <phoneticPr fontId="3"/>
  </si>
  <si>
    <t>研修計画の有無</t>
    <rPh sb="0" eb="2">
      <t>ケンシュウ</t>
    </rPh>
    <rPh sb="2" eb="4">
      <t>ケイカク</t>
    </rPh>
    <rPh sb="5" eb="7">
      <t>ウム</t>
    </rPh>
    <phoneticPr fontId="4"/>
  </si>
  <si>
    <t>内容（主なもの）</t>
    <rPh sb="0" eb="2">
      <t>ナイヨウ</t>
    </rPh>
    <rPh sb="3" eb="4">
      <t>オモ</t>
    </rPh>
    <phoneticPr fontId="3"/>
  </si>
  <si>
    <t>新規採用職員への
研修有無</t>
    <rPh sb="0" eb="2">
      <t>シンキ</t>
    </rPh>
    <rPh sb="2" eb="4">
      <t>サイヨウ</t>
    </rPh>
    <rPh sb="4" eb="6">
      <t>ショクイン</t>
    </rPh>
    <rPh sb="9" eb="11">
      <t>ケンシュウ</t>
    </rPh>
    <rPh sb="11" eb="13">
      <t>ウム</t>
    </rPh>
    <phoneticPr fontId="4"/>
  </si>
  <si>
    <t>　内部</t>
    <rPh sb="1" eb="3">
      <t>ナイブ</t>
    </rPh>
    <phoneticPr fontId="4"/>
  </si>
  <si>
    <t>施設内研修回数
　　　　及び参加人員</t>
    <rPh sb="0" eb="2">
      <t>シセツ</t>
    </rPh>
    <rPh sb="2" eb="3">
      <t>ナイ</t>
    </rPh>
    <rPh sb="3" eb="5">
      <t>ケンシュウ</t>
    </rPh>
    <rPh sb="5" eb="7">
      <t>カイスウ</t>
    </rPh>
    <rPh sb="12" eb="13">
      <t>オヨ</t>
    </rPh>
    <rPh sb="14" eb="16">
      <t>サンカ</t>
    </rPh>
    <rPh sb="16" eb="18">
      <t>ジンイン</t>
    </rPh>
    <phoneticPr fontId="4"/>
  </si>
  <si>
    <t>回</t>
    <rPh sb="0" eb="1">
      <t>カイ</t>
    </rPh>
    <phoneticPr fontId="4"/>
  </si>
  <si>
    <t>施設外研修参加回数
　　　　及び参加人員</t>
    <rPh sb="0" eb="3">
      <t>シセツガイ</t>
    </rPh>
    <rPh sb="3" eb="5">
      <t>ケンシュウ</t>
    </rPh>
    <rPh sb="5" eb="7">
      <t>サンカ</t>
    </rPh>
    <rPh sb="7" eb="9">
      <t>カイスウ</t>
    </rPh>
    <rPh sb="14" eb="15">
      <t>オヨ</t>
    </rPh>
    <rPh sb="16" eb="18">
      <t>サンカ</t>
    </rPh>
    <rPh sb="18" eb="20">
      <t>ジンイン</t>
    </rPh>
    <phoneticPr fontId="4"/>
  </si>
  <si>
    <t>　外部</t>
    <rPh sb="1" eb="3">
      <t>ガイブ</t>
    </rPh>
    <phoneticPr fontId="4"/>
  </si>
  <si>
    <t>研修報告書等の
　　　作成の有無</t>
    <rPh sb="0" eb="2">
      <t>ケンシュウ</t>
    </rPh>
    <rPh sb="2" eb="5">
      <t>ホウコクショ</t>
    </rPh>
    <rPh sb="5" eb="6">
      <t>トウ</t>
    </rPh>
    <rPh sb="11" eb="13">
      <t>サクセイ</t>
    </rPh>
    <rPh sb="14" eb="16">
      <t>ウム</t>
    </rPh>
    <phoneticPr fontId="4"/>
  </si>
  <si>
    <t>子育て支援員研修参加回数
　　　　及び参加人員</t>
    <rPh sb="0" eb="2">
      <t>コソダ</t>
    </rPh>
    <rPh sb="3" eb="5">
      <t>シエン</t>
    </rPh>
    <rPh sb="5" eb="6">
      <t>イン</t>
    </rPh>
    <rPh sb="6" eb="8">
      <t>ケンシュウ</t>
    </rPh>
    <rPh sb="8" eb="10">
      <t>サンカ</t>
    </rPh>
    <rPh sb="9" eb="10">
      <t>カ</t>
    </rPh>
    <rPh sb="10" eb="12">
      <t>カイスウ</t>
    </rPh>
    <rPh sb="17" eb="18">
      <t>オヨ</t>
    </rPh>
    <rPh sb="19" eb="21">
      <t>サンカ</t>
    </rPh>
    <rPh sb="21" eb="23">
      <t>ジンイン</t>
    </rPh>
    <phoneticPr fontId="4"/>
  </si>
  <si>
    <t>6/1現在</t>
    <rPh sb="3" eb="5">
      <t>ゲンザイ</t>
    </rPh>
    <phoneticPr fontId="3"/>
  </si>
  <si>
    <t>記録の有無</t>
    <rPh sb="0" eb="1">
      <t>キ</t>
    </rPh>
    <rPh sb="1" eb="2">
      <t>リョク</t>
    </rPh>
    <rPh sb="3" eb="5">
      <t>ウム</t>
    </rPh>
    <phoneticPr fontId="3"/>
  </si>
  <si>
    <t>検査項目名</t>
    <rPh sb="0" eb="2">
      <t>ケンサ</t>
    </rPh>
    <rPh sb="2" eb="4">
      <t>コウモク</t>
    </rPh>
    <rPh sb="4" eb="5">
      <t>メイ</t>
    </rPh>
    <phoneticPr fontId="3"/>
  </si>
  <si>
    <r>
      <t>身長　､　体重　、　視力　、聴力　、胸部エックス線　、　血圧　、　</t>
    </r>
    <r>
      <rPr>
        <u/>
        <sz val="10"/>
        <rFont val="ＭＳ Ｐゴシック"/>
        <family val="3"/>
        <charset val="128"/>
      </rPr>
      <t>貧血検査</t>
    </r>
    <r>
      <rPr>
        <sz val="10"/>
        <rFont val="ＭＳ Ｐゴシック"/>
        <family val="3"/>
        <charset val="128"/>
      </rPr>
      <t>　、　</t>
    </r>
    <r>
      <rPr>
        <u/>
        <sz val="10"/>
        <rFont val="ＭＳ Ｐゴシック"/>
        <family val="3"/>
        <charset val="128"/>
      </rPr>
      <t>肝機能検査</t>
    </r>
    <r>
      <rPr>
        <sz val="10"/>
        <rFont val="ＭＳ Ｐゴシック"/>
        <family val="3"/>
        <charset val="128"/>
      </rPr>
      <t>　、</t>
    </r>
    <rPh sb="0" eb="2">
      <t>シンチョウ</t>
    </rPh>
    <rPh sb="5" eb="7">
      <t>タイジュウ</t>
    </rPh>
    <rPh sb="10" eb="12">
      <t>シリョク</t>
    </rPh>
    <rPh sb="14" eb="16">
      <t>チョウリョク</t>
    </rPh>
    <rPh sb="18" eb="20">
      <t>キョウブ</t>
    </rPh>
    <rPh sb="24" eb="25">
      <t>セン</t>
    </rPh>
    <rPh sb="28" eb="30">
      <t>ケツアツ</t>
    </rPh>
    <rPh sb="33" eb="35">
      <t>ヒンケツ</t>
    </rPh>
    <rPh sb="35" eb="37">
      <t>ケンサ</t>
    </rPh>
    <rPh sb="40" eb="43">
      <t>カンキノウ</t>
    </rPh>
    <rPh sb="43" eb="45">
      <t>ケンサ</t>
    </rPh>
    <phoneticPr fontId="3"/>
  </si>
  <si>
    <r>
      <t>血中脂質検査　</t>
    </r>
    <r>
      <rPr>
        <sz val="10"/>
        <rFont val="ＭＳ Ｐゴシック"/>
        <family val="3"/>
        <charset val="128"/>
      </rPr>
      <t>、　</t>
    </r>
    <r>
      <rPr>
        <u/>
        <sz val="10"/>
        <rFont val="ＭＳ Ｐゴシック"/>
        <family val="3"/>
        <charset val="128"/>
      </rPr>
      <t>血糖検査</t>
    </r>
    <r>
      <rPr>
        <sz val="10"/>
        <rFont val="ＭＳ Ｐゴシック"/>
        <family val="3"/>
        <charset val="128"/>
      </rPr>
      <t>、　尿検査　、　</t>
    </r>
    <r>
      <rPr>
        <u/>
        <sz val="10"/>
        <rFont val="ＭＳ Ｐゴシック"/>
        <family val="3"/>
        <charset val="128"/>
      </rPr>
      <t>心電図検査</t>
    </r>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身長　､　体重　、 腹囲、　視力　、聴力　、胸部エックス線　、　血圧　、　貧血検査　、　肝機能検査　、</t>
    <rPh sb="0" eb="2">
      <t>シンチョウ</t>
    </rPh>
    <rPh sb="5" eb="7">
      <t>タイジュウ</t>
    </rPh>
    <rPh sb="10" eb="12">
      <t>フクイ</t>
    </rPh>
    <rPh sb="14" eb="16">
      <t>シリョク</t>
    </rPh>
    <rPh sb="18" eb="20">
      <t>チョウリョク</t>
    </rPh>
    <rPh sb="22" eb="24">
      <t>キョウブ</t>
    </rPh>
    <rPh sb="28" eb="29">
      <t>セン</t>
    </rPh>
    <rPh sb="32" eb="34">
      <t>ケツアツ</t>
    </rPh>
    <rPh sb="37" eb="39">
      <t>ヒンケツ</t>
    </rPh>
    <rPh sb="39" eb="41">
      <t>ケンサ</t>
    </rPh>
    <rPh sb="44" eb="47">
      <t>カンキノウ</t>
    </rPh>
    <rPh sb="47" eb="49">
      <t>ケンサ</t>
    </rPh>
    <phoneticPr fontId="3"/>
  </si>
  <si>
    <t>　　３５歳・４０歳以上の職員について、必要な検査項目
　（上記下線部分の検査）を実施しているか</t>
    <rPh sb="4" eb="5">
      <t>サイ</t>
    </rPh>
    <rPh sb="8" eb="11">
      <t>サイイジョウ</t>
    </rPh>
    <rPh sb="12" eb="14">
      <t>ショクイン</t>
    </rPh>
    <rPh sb="19" eb="21">
      <t>ヒツヨウ</t>
    </rPh>
    <rPh sb="22" eb="24">
      <t>ケンサ</t>
    </rPh>
    <rPh sb="24" eb="26">
      <t>コウモク</t>
    </rPh>
    <rPh sb="29" eb="31">
      <t>ジョウキ</t>
    </rPh>
    <rPh sb="31" eb="33">
      <t>カセン</t>
    </rPh>
    <rPh sb="33" eb="35">
      <t>ブブン</t>
    </rPh>
    <rPh sb="36" eb="38">
      <t>ケンサ</t>
    </rPh>
    <rPh sb="40" eb="42">
      <t>ジッシ</t>
    </rPh>
    <phoneticPr fontId="3"/>
  </si>
  <si>
    <t>（２）職員の腰痛対策</t>
    <rPh sb="3" eb="5">
      <t>ショクイン</t>
    </rPh>
    <rPh sb="6" eb="8">
      <t>ヨウツウ</t>
    </rPh>
    <rPh sb="8" eb="10">
      <t>タイサク</t>
    </rPh>
    <phoneticPr fontId="3"/>
  </si>
  <si>
    <t>　腰痛の発生</t>
    <rPh sb="1" eb="3">
      <t>ヨウツウ</t>
    </rPh>
    <rPh sb="4" eb="6">
      <t>ハッセイ</t>
    </rPh>
    <phoneticPr fontId="3"/>
  </si>
  <si>
    <t>（　　　　人）・</t>
    <rPh sb="5" eb="6">
      <t>ニン</t>
    </rPh>
    <phoneticPr fontId="3"/>
  </si>
  <si>
    <t>　腰痛健康診断</t>
    <rPh sb="1" eb="3">
      <t>ヨウツウ</t>
    </rPh>
    <rPh sb="3" eb="7">
      <t>ケンコウシンダン</t>
    </rPh>
    <phoneticPr fontId="3"/>
  </si>
  <si>
    <t>　予防対策</t>
    <rPh sb="1" eb="3">
      <t>ヨボウ</t>
    </rPh>
    <rPh sb="3" eb="5">
      <t>タイサク</t>
    </rPh>
    <phoneticPr fontId="3"/>
  </si>
  <si>
    <t>児童処遇</t>
    <rPh sb="0" eb="2">
      <t>ジドウ</t>
    </rPh>
    <rPh sb="2" eb="4">
      <t>ショグウ</t>
    </rPh>
    <phoneticPr fontId="12"/>
  </si>
  <si>
    <t>小田原</t>
    <rPh sb="0" eb="3">
      <t>オダワラ</t>
    </rPh>
    <phoneticPr fontId="3"/>
  </si>
  <si>
    <t>大和綾瀬</t>
    <rPh sb="0" eb="2">
      <t>ヤマト</t>
    </rPh>
    <rPh sb="2" eb="4">
      <t>アヤセ</t>
    </rPh>
    <phoneticPr fontId="3"/>
  </si>
  <si>
    <t>厚木</t>
    <rPh sb="0" eb="2">
      <t>アツギ</t>
    </rPh>
    <phoneticPr fontId="3"/>
  </si>
  <si>
    <t>個人番号記載書類等取扱要領</t>
    <rPh sb="0" eb="2">
      <t>コジン</t>
    </rPh>
    <rPh sb="2" eb="4">
      <t>バンゴウ</t>
    </rPh>
    <rPh sb="4" eb="6">
      <t>キサイ</t>
    </rPh>
    <rPh sb="6" eb="8">
      <t>ショルイ</t>
    </rPh>
    <rPh sb="8" eb="9">
      <t>トウ</t>
    </rPh>
    <rPh sb="9" eb="11">
      <t>トリアツカイ</t>
    </rPh>
    <rPh sb="11" eb="13">
      <t>ヨウリョウ</t>
    </rPh>
    <phoneticPr fontId="3"/>
  </si>
  <si>
    <t>個人番号記載書類等管理簿</t>
    <rPh sb="0" eb="2">
      <t>コジン</t>
    </rPh>
    <rPh sb="2" eb="4">
      <t>バンゴウ</t>
    </rPh>
    <rPh sb="4" eb="6">
      <t>キサイ</t>
    </rPh>
    <rPh sb="6" eb="9">
      <t>ショルイトウ</t>
    </rPh>
    <rPh sb="9" eb="11">
      <t>カンリ</t>
    </rPh>
    <rPh sb="11" eb="12">
      <t>ボ</t>
    </rPh>
    <phoneticPr fontId="3"/>
  </si>
  <si>
    <t>預り金等に関する規程有無</t>
    <rPh sb="0" eb="1">
      <t>アズカ</t>
    </rPh>
    <rPh sb="2" eb="3">
      <t>キン</t>
    </rPh>
    <rPh sb="3" eb="4">
      <t>トウ</t>
    </rPh>
    <rPh sb="5" eb="6">
      <t>カン</t>
    </rPh>
    <rPh sb="8" eb="10">
      <t>キテイ</t>
    </rPh>
    <rPh sb="10" eb="12">
      <t>ウム</t>
    </rPh>
    <phoneticPr fontId="3"/>
  </si>
  <si>
    <t>児童手当の取扱に関する規程有無</t>
    <rPh sb="0" eb="2">
      <t>ジドウ</t>
    </rPh>
    <rPh sb="2" eb="4">
      <t>テアテ</t>
    </rPh>
    <rPh sb="5" eb="7">
      <t>トリアツカイ</t>
    </rPh>
    <rPh sb="8" eb="9">
      <t>カン</t>
    </rPh>
    <rPh sb="11" eb="13">
      <t>キテイ</t>
    </rPh>
    <rPh sb="13" eb="15">
      <t>ウム</t>
    </rPh>
    <phoneticPr fontId="3"/>
  </si>
  <si>
    <t>管理方法等（</t>
    <rPh sb="0" eb="2">
      <t>カンリ</t>
    </rPh>
    <rPh sb="2" eb="4">
      <t>ホウホウ</t>
    </rPh>
    <rPh sb="4" eb="5">
      <t>トウ</t>
    </rPh>
    <phoneticPr fontId="3"/>
  </si>
  <si>
    <t>）</t>
    <phoneticPr fontId="3"/>
  </si>
  <si>
    <t>（　　　　　分間隔の確認及びチェック表への記載）</t>
    <phoneticPr fontId="3"/>
  </si>
  <si>
    <t>検便の内容</t>
    <rPh sb="0" eb="2">
      <t>ケンベン</t>
    </rPh>
    <rPh sb="3" eb="5">
      <t>ナイヨウ</t>
    </rPh>
    <phoneticPr fontId="3"/>
  </si>
  <si>
    <t>（　　　　　　　　　　　　　　　　　　　　　　　　）</t>
    <phoneticPr fontId="3"/>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その他の場合</t>
    <rPh sb="2" eb="3">
      <t>タ</t>
    </rPh>
    <rPh sb="4" eb="6">
      <t>バアイ</t>
    </rPh>
    <phoneticPr fontId="3"/>
  </si>
  <si>
    <t>（　　　　　　　　　　　　　　　　　　　　　　　　　　　　　　）</t>
    <phoneticPr fontId="3"/>
  </si>
  <si>
    <t>参加職員：</t>
    <rPh sb="0" eb="2">
      <t>サンカ</t>
    </rPh>
    <rPh sb="2" eb="4">
      <t>ショクイン</t>
    </rPh>
    <phoneticPr fontId="3"/>
  </si>
  <si>
    <t>検便の実施状況報告</t>
    <rPh sb="0" eb="2">
      <t>ケンベン</t>
    </rPh>
    <rPh sb="3" eb="5">
      <t>ジッシ</t>
    </rPh>
    <rPh sb="5" eb="7">
      <t>ジョウキョウ</t>
    </rPh>
    <rPh sb="7" eb="9">
      <t>ホウコク</t>
    </rPh>
    <phoneticPr fontId="3"/>
  </si>
  <si>
    <t>　（　　　　　　　回／　　年　　月　）</t>
    <phoneticPr fontId="3"/>
  </si>
  <si>
    <t>記録の有無</t>
    <rPh sb="0" eb="2">
      <t>キロク</t>
    </rPh>
    <rPh sb="3" eb="5">
      <t>ウム</t>
    </rPh>
    <phoneticPr fontId="3"/>
  </si>
  <si>
    <t>医師認印の有無</t>
    <rPh sb="0" eb="2">
      <t>イシ</t>
    </rPh>
    <rPh sb="2" eb="4">
      <t>ミトメイン</t>
    </rPh>
    <rPh sb="5" eb="7">
      <t>ウム</t>
    </rPh>
    <phoneticPr fontId="3"/>
  </si>
  <si>
    <t>受診者数</t>
    <rPh sb="0" eb="2">
      <t>ジュシン</t>
    </rPh>
    <rPh sb="2" eb="3">
      <t>シャ</t>
    </rPh>
    <rPh sb="3" eb="4">
      <t>スウ</t>
    </rPh>
    <phoneticPr fontId="3"/>
  </si>
  <si>
    <t>入所児童</t>
    <rPh sb="0" eb="2">
      <t>ニュウショ</t>
    </rPh>
    <rPh sb="2" eb="4">
      <t>ジドウ</t>
    </rPh>
    <phoneticPr fontId="3"/>
  </si>
  <si>
    <t>実施年月日</t>
    <rPh sb="0" eb="2">
      <t>ジッシ</t>
    </rPh>
    <rPh sb="2" eb="5">
      <t>ネンガッピ</t>
    </rPh>
    <phoneticPr fontId="3"/>
  </si>
  <si>
    <t>検査項目</t>
    <rPh sb="0" eb="2">
      <t>ケンサ</t>
    </rPh>
    <rPh sb="2" eb="4">
      <t>コウモク</t>
    </rPh>
    <phoneticPr fontId="3"/>
  </si>
  <si>
    <t>入所児童数</t>
    <rPh sb="0" eb="2">
      <t>ニュウショ</t>
    </rPh>
    <rPh sb="2" eb="4">
      <t>ジドウ</t>
    </rPh>
    <rPh sb="4" eb="5">
      <t>カズ</t>
    </rPh>
    <phoneticPr fontId="3"/>
  </si>
  <si>
    <t>受診者数</t>
    <rPh sb="0" eb="2">
      <t>ジュシン</t>
    </rPh>
    <rPh sb="2" eb="3">
      <t>モノ</t>
    </rPh>
    <rPh sb="3" eb="4">
      <t>カズ</t>
    </rPh>
    <phoneticPr fontId="3"/>
  </si>
  <si>
    <t>医師認印の有無</t>
    <rPh sb="0" eb="2">
      <t>イシ</t>
    </rPh>
    <rPh sb="2" eb="3">
      <t>ミト</t>
    </rPh>
    <rPh sb="3" eb="4">
      <t>イン</t>
    </rPh>
    <rPh sb="5" eb="7">
      <t>ウム</t>
    </rPh>
    <phoneticPr fontId="3"/>
  </si>
  <si>
    <t>氏名</t>
    <phoneticPr fontId="4"/>
  </si>
  <si>
    <t>辞令の有無</t>
    <rPh sb="0" eb="2">
      <t>ジレイ</t>
    </rPh>
    <rPh sb="3" eb="5">
      <t>ウム</t>
    </rPh>
    <phoneticPr fontId="3"/>
  </si>
  <si>
    <t>発令日</t>
    <rPh sb="0" eb="2">
      <t>ハツレイ</t>
    </rPh>
    <rPh sb="2" eb="3">
      <t>ビ</t>
    </rPh>
    <phoneticPr fontId="3"/>
  </si>
  <si>
    <t>氏名</t>
    <rPh sb="0" eb="2">
      <t>シメイ</t>
    </rPh>
    <phoneticPr fontId="3"/>
  </si>
  <si>
    <t>　　　(2) 予算（令和７年度）　　　　　　　　　　　　　　　　　　　　　　　　　　　　　　　　　　　</t>
    <rPh sb="10" eb="11">
      <t>レイ</t>
    </rPh>
    <rPh sb="11" eb="12">
      <t>ワ</t>
    </rPh>
    <rPh sb="14" eb="15">
      <t>ド</t>
    </rPh>
    <rPh sb="15" eb="17">
      <t>ヘイネンド</t>
    </rPh>
    <phoneticPr fontId="4"/>
  </si>
  <si>
    <t>　　　(3) 決算（令和６年度）</t>
    <rPh sb="10" eb="12">
      <t>レイワ</t>
    </rPh>
    <rPh sb="13" eb="15">
      <t>ネンド</t>
    </rPh>
    <phoneticPr fontId="4"/>
  </si>
  <si>
    <t>　理事会（役員会）での予算の承認年月日</t>
    <rPh sb="5" eb="8">
      <t>ヤクインカイ</t>
    </rPh>
    <phoneticPr fontId="3"/>
  </si>
  <si>
    <t>　１回目　　　　令和　　　年　　　月　　　日</t>
    <rPh sb="2" eb="3">
      <t>カイ</t>
    </rPh>
    <rPh sb="3" eb="4">
      <t>メ</t>
    </rPh>
    <rPh sb="8" eb="10">
      <t>レイワ</t>
    </rPh>
    <rPh sb="13" eb="14">
      <t>ネン</t>
    </rPh>
    <rPh sb="17" eb="18">
      <t>ツキ</t>
    </rPh>
    <rPh sb="21" eb="22">
      <t>ヒ</t>
    </rPh>
    <phoneticPr fontId="4"/>
  </si>
  <si>
    <t xml:space="preserve">　内容 </t>
    <rPh sb="1" eb="3">
      <t>ナイヨウ</t>
    </rPh>
    <phoneticPr fontId="4"/>
  </si>
  <si>
    <t>　２回目　　　　令和　　　年　　　月　　　日</t>
    <rPh sb="2" eb="3">
      <t>カイ</t>
    </rPh>
    <rPh sb="3" eb="4">
      <t>メ</t>
    </rPh>
    <rPh sb="8" eb="10">
      <t>レイワ</t>
    </rPh>
    <rPh sb="13" eb="14">
      <t>ネン</t>
    </rPh>
    <rPh sb="17" eb="18">
      <t>ツキ</t>
    </rPh>
    <rPh sb="21" eb="22">
      <t>ヒ</t>
    </rPh>
    <phoneticPr fontId="4"/>
  </si>
  <si>
    <t>　令和　　　　　年　　　　　月　　　　　日</t>
    <rPh sb="1" eb="3">
      <t>レイワ</t>
    </rPh>
    <rPh sb="8" eb="9">
      <t>ネン</t>
    </rPh>
    <rPh sb="14" eb="15">
      <t>ツキ</t>
    </rPh>
    <rPh sb="20" eb="21">
      <t>ヒ</t>
    </rPh>
    <phoneticPr fontId="4"/>
  </si>
  <si>
    <t>　理事会（役員会）での補正予算の承認
　年月日及び主な補正の内容</t>
    <rPh sb="5" eb="8">
      <t>ヤクインカイ</t>
    </rPh>
    <rPh sb="20" eb="21">
      <t>ネン</t>
    </rPh>
    <phoneticPr fontId="4"/>
  </si>
  <si>
    <t>　理事会（役員会）での決算の承認年月日</t>
    <rPh sb="5" eb="8">
      <t>ヤクインカイ</t>
    </rPh>
    <phoneticPr fontId="3"/>
  </si>
  <si>
    <t>作成日</t>
    <rPh sb="0" eb="3">
      <t>サクセイビ</t>
    </rPh>
    <phoneticPr fontId="3"/>
  </si>
  <si>
    <t>①　繰入の有無</t>
    <rPh sb="2" eb="4">
      <t>クリイレ</t>
    </rPh>
    <rPh sb="5" eb="7">
      <t>ウム</t>
    </rPh>
    <phoneticPr fontId="4"/>
  </si>
  <si>
    <t>繰入先：</t>
    <phoneticPr fontId="4"/>
  </si>
  <si>
    <t>（　　　　　　　　）</t>
    <phoneticPr fontId="4"/>
  </si>
  <si>
    <t>②　繰入額　　　　Ａ＋Ｂ＋Ｃ＋Ｄ（　　　　　　　）千円</t>
    <rPh sb="2" eb="4">
      <t>クリイレ</t>
    </rPh>
    <rPh sb="4" eb="5">
      <t>ガク</t>
    </rPh>
    <phoneticPr fontId="4"/>
  </si>
  <si>
    <t>　Ａ民間施設給与等改善費の加算額（又は管理費加算額）</t>
    <rPh sb="13" eb="16">
      <t>カサンガク</t>
    </rPh>
    <rPh sb="17" eb="18">
      <t>マタ</t>
    </rPh>
    <rPh sb="24" eb="25">
      <t>ガク</t>
    </rPh>
    <phoneticPr fontId="4"/>
  </si>
  <si>
    <t>　Ｂ運用収入（預貯金の利息収入等）</t>
    <rPh sb="7" eb="10">
      <t>ヨチョキン</t>
    </rPh>
    <rPh sb="11" eb="13">
      <t>リソク</t>
    </rPh>
    <rPh sb="13" eb="15">
      <t>シュウニュウ</t>
    </rPh>
    <rPh sb="15" eb="16">
      <t>トウ</t>
    </rPh>
    <phoneticPr fontId="4"/>
  </si>
  <si>
    <t>　Ｃ前期末支払資金残高</t>
    <rPh sb="2" eb="5">
      <t>ゼンキマツ</t>
    </rPh>
    <rPh sb="5" eb="7">
      <t>シハライ</t>
    </rPh>
    <rPh sb="7" eb="9">
      <t>シキン</t>
    </rPh>
    <rPh sb="9" eb="11">
      <t>ザンダカ</t>
    </rPh>
    <phoneticPr fontId="4"/>
  </si>
  <si>
    <t>　Ｄ民間社会福祉施設運営費補助金繰入限度額</t>
    <rPh sb="2" eb="4">
      <t>ミンカン</t>
    </rPh>
    <rPh sb="4" eb="6">
      <t>シャカイ</t>
    </rPh>
    <rPh sb="6" eb="8">
      <t>フクシ</t>
    </rPh>
    <rPh sb="8" eb="10">
      <t>シセツ</t>
    </rPh>
    <rPh sb="10" eb="13">
      <t>ウンエイヒ</t>
    </rPh>
    <rPh sb="13" eb="15">
      <t>ホジョ</t>
    </rPh>
    <rPh sb="15" eb="16">
      <t>キン</t>
    </rPh>
    <rPh sb="16" eb="18">
      <t>クリイ</t>
    </rPh>
    <rPh sb="18" eb="20">
      <t>ゲンド</t>
    </rPh>
    <rPh sb="20" eb="21">
      <t>ガク</t>
    </rPh>
    <phoneticPr fontId="4"/>
  </si>
  <si>
    <t>（　　　　    　　　）千円</t>
    <phoneticPr fontId="3"/>
  </si>
  <si>
    <t>運用収入×</t>
    <rPh sb="0" eb="2">
      <t>ウンヨウ</t>
    </rPh>
    <rPh sb="2" eb="4">
      <t>シュウニュウ</t>
    </rPh>
    <phoneticPr fontId="3"/>
  </si>
  <si>
    <t>事務費収入額</t>
    <rPh sb="0" eb="2">
      <t>ジム</t>
    </rPh>
    <rPh sb="2" eb="3">
      <t>ヒ</t>
    </rPh>
    <rPh sb="3" eb="5">
      <t>シュウニュウ</t>
    </rPh>
    <rPh sb="5" eb="6">
      <t>ガク</t>
    </rPh>
    <phoneticPr fontId="3"/>
  </si>
  <si>
    <t>収支決算額</t>
    <rPh sb="0" eb="2">
      <t>シュウシ</t>
    </rPh>
    <rPh sb="2" eb="4">
      <t>ケッサン</t>
    </rPh>
    <rPh sb="4" eb="5">
      <t>ガク</t>
    </rPh>
    <phoneticPr fontId="3"/>
  </si>
  <si>
    <t>有の場合（</t>
    <rPh sb="0" eb="1">
      <t>アリ</t>
    </rPh>
    <rPh sb="2" eb="4">
      <t>バアイ</t>
    </rPh>
    <phoneticPr fontId="3"/>
  </si>
  <si>
    <t>）千円</t>
    <rPh sb="1" eb="3">
      <t>センエン</t>
    </rPh>
    <phoneticPr fontId="3"/>
  </si>
  <si>
    <t>　※貸付金年度末残高</t>
    <phoneticPr fontId="4"/>
  </si>
  <si>
    <t>）千円</t>
    <rPh sb="1" eb="3">
      <t>センエン</t>
    </rPh>
    <phoneticPr fontId="3"/>
  </si>
  <si>
    <t>）千円</t>
    <rPh sb="1" eb="3">
      <t>センエン</t>
    </rPh>
    <phoneticPr fontId="15"/>
  </si>
  <si>
    <t>収入
決算額</t>
    <phoneticPr fontId="15"/>
  </si>
  <si>
    <t>・人件費積立資産支出（</t>
    <rPh sb="1" eb="4">
      <t>ジンケンヒ</t>
    </rPh>
    <rPh sb="4" eb="6">
      <t>ツミタテ</t>
    </rPh>
    <rPh sb="6" eb="8">
      <t>シサン</t>
    </rPh>
    <rPh sb="8" eb="10">
      <t>シシュツ</t>
    </rPh>
    <phoneticPr fontId="3"/>
  </si>
  <si>
    <t>・修繕積立資産支出（</t>
    <rPh sb="1" eb="3">
      <t>シュウゼン</t>
    </rPh>
    <rPh sb="3" eb="5">
      <t>ツミタテ</t>
    </rPh>
    <rPh sb="5" eb="7">
      <t>シサン</t>
    </rPh>
    <rPh sb="7" eb="9">
      <t>シシュツ</t>
    </rPh>
    <phoneticPr fontId="3"/>
  </si>
  <si>
    <t>・備品等購入積立資産支出（</t>
    <rPh sb="1" eb="3">
      <t>ビヒン</t>
    </rPh>
    <rPh sb="3" eb="4">
      <t>トウ</t>
    </rPh>
    <rPh sb="4" eb="6">
      <t>コウニュウ</t>
    </rPh>
    <rPh sb="6" eb="8">
      <t>ツミタテ</t>
    </rPh>
    <rPh sb="8" eb="10">
      <t>シサン</t>
    </rPh>
    <rPh sb="10" eb="12">
      <t>シシュツ</t>
    </rPh>
    <phoneticPr fontId="3"/>
  </si>
  <si>
    <t>・施設整備等積立資産支出（</t>
    <rPh sb="1" eb="3">
      <t>シセツ</t>
    </rPh>
    <rPh sb="3" eb="5">
      <t>セイビ</t>
    </rPh>
    <rPh sb="5" eb="6">
      <t>トウ</t>
    </rPh>
    <rPh sb="6" eb="8">
      <t>ツミタテ</t>
    </rPh>
    <rPh sb="8" eb="10">
      <t>シサン</t>
    </rPh>
    <rPh sb="10" eb="12">
      <t>シシュツ</t>
    </rPh>
    <phoneticPr fontId="3"/>
  </si>
  <si>
    <t>使用計画作成の有無</t>
    <rPh sb="0" eb="2">
      <t>シヨウ</t>
    </rPh>
    <rPh sb="2" eb="4">
      <t>ケイカク</t>
    </rPh>
    <rPh sb="4" eb="6">
      <t>サクセイ</t>
    </rPh>
    <rPh sb="7" eb="9">
      <t>ウム</t>
    </rPh>
    <phoneticPr fontId="15"/>
  </si>
  <si>
    <t>[当期資金収支差額(</t>
    <rPh sb="3" eb="5">
      <t>シキン</t>
    </rPh>
    <rPh sb="5" eb="7">
      <t>シュウシ</t>
    </rPh>
    <rPh sb="7" eb="8">
      <t>サ</t>
    </rPh>
    <rPh sb="8" eb="9">
      <t>ガク</t>
    </rPh>
    <phoneticPr fontId="15"/>
  </si>
  <si>
    <t>＋当期積立資産積立支出(</t>
    <phoneticPr fontId="15"/>
  </si>
  <si>
    <t>）千円］</t>
    <rPh sb="1" eb="3">
      <t>センエン</t>
    </rPh>
    <phoneticPr fontId="3"/>
  </si>
  <si>
    <t>Ａ÷②×100＝（</t>
    <phoneticPr fontId="15"/>
  </si>
  <si>
    <t>）％</t>
    <phoneticPr fontId="15"/>
  </si>
  <si>
    <t>　Ｂ　積立資産（</t>
    <rPh sb="3" eb="5">
      <t>ツミタテ</t>
    </rPh>
    <phoneticPr fontId="15"/>
  </si>
  <si>
    <t>有の場合：取崩し額（</t>
    <rPh sb="0" eb="1">
      <t>アリ</t>
    </rPh>
    <rPh sb="2" eb="4">
      <t>バアイ</t>
    </rPh>
    <rPh sb="5" eb="7">
      <t>トリクズ</t>
    </rPh>
    <rPh sb="8" eb="9">
      <t>ガク</t>
    </rPh>
    <phoneticPr fontId="3"/>
  </si>
  <si>
    <t>積立資産の目的外使用の有無</t>
    <rPh sb="0" eb="2">
      <t>ツミタテ</t>
    </rPh>
    <rPh sb="5" eb="7">
      <t>モクテキ</t>
    </rPh>
    <rPh sb="7" eb="8">
      <t>ガイ</t>
    </rPh>
    <rPh sb="8" eb="10">
      <t>シヨウ</t>
    </rPh>
    <rPh sb="11" eb="13">
      <t>ウム</t>
    </rPh>
    <phoneticPr fontId="15"/>
  </si>
  <si>
    <t>有の場合　理事会承認年月日</t>
    <rPh sb="2" eb="4">
      <t>バアイ</t>
    </rPh>
    <rPh sb="5" eb="8">
      <t>リジカイ</t>
    </rPh>
    <rPh sb="8" eb="10">
      <t>ショウニン</t>
    </rPh>
    <rPh sb="10" eb="13">
      <t>ネンガッピ</t>
    </rPh>
    <phoneticPr fontId="15"/>
  </si>
  <si>
    <t>（　年　月　日）</t>
    <rPh sb="2" eb="3">
      <t>トシ</t>
    </rPh>
    <rPh sb="4" eb="5">
      <t>ルナ</t>
    </rPh>
    <rPh sb="6" eb="7">
      <t>ニチ</t>
    </rPh>
    <phoneticPr fontId="3"/>
  </si>
  <si>
    <t>＜取崩しの内訳＞</t>
    <rPh sb="1" eb="3">
      <t>トリクズ</t>
    </rPh>
    <rPh sb="5" eb="7">
      <t>ウチワケ</t>
    </rPh>
    <phoneticPr fontId="3"/>
  </si>
  <si>
    <t>・人件費積立資産（</t>
    <rPh sb="1" eb="4">
      <t>ジンケンヒ</t>
    </rPh>
    <rPh sb="4" eb="6">
      <t>ツミタテ</t>
    </rPh>
    <rPh sb="6" eb="8">
      <t>シサン</t>
    </rPh>
    <phoneticPr fontId="3"/>
  </si>
  <si>
    <t>・備品等購入積立資産（</t>
    <rPh sb="1" eb="3">
      <t>ビヒン</t>
    </rPh>
    <rPh sb="3" eb="4">
      <t>トウ</t>
    </rPh>
    <rPh sb="4" eb="6">
      <t>コウニュウ</t>
    </rPh>
    <rPh sb="6" eb="8">
      <t>ツミタテ</t>
    </rPh>
    <rPh sb="8" eb="10">
      <t>シサン</t>
    </rPh>
    <phoneticPr fontId="3"/>
  </si>
  <si>
    <t>・修繕積立資産（</t>
    <rPh sb="1" eb="3">
      <t>シュウゼン</t>
    </rPh>
    <rPh sb="3" eb="5">
      <t>ツミタテ</t>
    </rPh>
    <rPh sb="5" eb="7">
      <t>シサン</t>
    </rPh>
    <phoneticPr fontId="3"/>
  </si>
  <si>
    <t>・施設整備等積立資産（</t>
    <rPh sb="1" eb="3">
      <t>シセツ</t>
    </rPh>
    <rPh sb="3" eb="5">
      <t>セイビ</t>
    </rPh>
    <rPh sb="5" eb="6">
      <t>トウ</t>
    </rPh>
    <rPh sb="6" eb="8">
      <t>ツミタテ</t>
    </rPh>
    <rPh sb="8" eb="10">
      <t>シサン</t>
    </rPh>
    <phoneticPr fontId="3"/>
  </si>
  <si>
    <t>取崩し額（</t>
    <rPh sb="0" eb="2">
      <t>トリクズ</t>
    </rPh>
    <rPh sb="3" eb="4">
      <t>ガク</t>
    </rPh>
    <phoneticPr fontId="15"/>
  </si>
  <si>
    <t>）</t>
    <phoneticPr fontId="3"/>
  </si>
  <si>
    <t>　　施設名（</t>
    <rPh sb="2" eb="4">
      <t>シセツ</t>
    </rPh>
    <rPh sb="4" eb="5">
      <t>メイ</t>
    </rPh>
    <phoneticPr fontId="12"/>
  </si>
  <si>
    <t>栄養量計算書(６月・１月分)</t>
    <rPh sb="0" eb="2">
      <t>エイヨウ</t>
    </rPh>
    <rPh sb="2" eb="3">
      <t>リョウ</t>
    </rPh>
    <rPh sb="3" eb="6">
      <t>ケイサンショ</t>
    </rPh>
    <rPh sb="8" eb="9">
      <t>ガツ</t>
    </rPh>
    <rPh sb="11" eb="12">
      <t>ガツ</t>
    </rPh>
    <rPh sb="12" eb="13">
      <t>ブン</t>
    </rPh>
    <phoneticPr fontId="15"/>
  </si>
  <si>
    <t>氏名　　　　　　　監査回数（　）回／年、実施月（　）</t>
    <phoneticPr fontId="3"/>
  </si>
  <si>
    <t>※　行が不足する場合は、適宜、追加してください。</t>
    <phoneticPr fontId="3"/>
  </si>
  <si>
    <t>※勤務している職員全員の状況を記載してください。</t>
    <rPh sb="1" eb="3">
      <t>キンム</t>
    </rPh>
    <rPh sb="7" eb="11">
      <t>ショクインゼンイン</t>
    </rPh>
    <rPh sb="12" eb="14">
      <t>ジョウキョウ</t>
    </rPh>
    <rPh sb="15" eb="17">
      <t>キサイ</t>
    </rPh>
    <phoneticPr fontId="3"/>
  </si>
  <si>
    <t>職種</t>
    <rPh sb="0" eb="2">
      <t>ショクシュ</t>
    </rPh>
    <phoneticPr fontId="3"/>
  </si>
  <si>
    <t>氏　　名</t>
    <phoneticPr fontId="3"/>
  </si>
  <si>
    <t>保有資格</t>
    <rPh sb="0" eb="2">
      <t>ホユウ</t>
    </rPh>
    <rPh sb="2" eb="4">
      <t>シカク</t>
    </rPh>
    <phoneticPr fontId="3"/>
  </si>
  <si>
    <t>雇用形態</t>
    <rPh sb="0" eb="2">
      <t>コヨウ</t>
    </rPh>
    <rPh sb="2" eb="4">
      <t>ケイタイ</t>
    </rPh>
    <phoneticPr fontId="3"/>
  </si>
  <si>
    <r>
      <t xml:space="preserve">新規採用
</t>
    </r>
    <r>
      <rPr>
        <sz val="8"/>
        <rFont val="ＭＳ 明朝"/>
        <family val="1"/>
        <charset val="128"/>
      </rPr>
      <t>（前回の監査日以降）</t>
    </r>
    <rPh sb="0" eb="2">
      <t>シンキ</t>
    </rPh>
    <rPh sb="2" eb="4">
      <t>サイヨウ</t>
    </rPh>
    <rPh sb="6" eb="8">
      <t>ゼンカイ</t>
    </rPh>
    <rPh sb="9" eb="11">
      <t>カンサ</t>
    </rPh>
    <rPh sb="11" eb="12">
      <t>ビ</t>
    </rPh>
    <rPh sb="12" eb="14">
      <t>イコウ</t>
    </rPh>
    <phoneticPr fontId="3"/>
  </si>
  <si>
    <t>県記入</t>
    <rPh sb="0" eb="1">
      <t>ケン</t>
    </rPh>
    <rPh sb="1" eb="3">
      <t>キニュウ</t>
    </rPh>
    <phoneticPr fontId="3"/>
  </si>
  <si>
    <t>労働者名簿</t>
    <rPh sb="0" eb="3">
      <t>ロウドウシャ</t>
    </rPh>
    <rPh sb="3" eb="5">
      <t>メイボ</t>
    </rPh>
    <phoneticPr fontId="43"/>
  </si>
  <si>
    <t>労働条件通知書</t>
    <phoneticPr fontId="3"/>
  </si>
  <si>
    <t>履歴書</t>
    <rPh sb="0" eb="3">
      <t>リレキショ</t>
    </rPh>
    <phoneticPr fontId="3"/>
  </si>
  <si>
    <t>賃金台帳</t>
    <rPh sb="0" eb="2">
      <t>チンギン</t>
    </rPh>
    <rPh sb="2" eb="4">
      <t>ダイチョウ</t>
    </rPh>
    <phoneticPr fontId="3"/>
  </si>
  <si>
    <t>健康診断</t>
    <rPh sb="0" eb="4">
      <t>ケンコウシンダン</t>
    </rPh>
    <phoneticPr fontId="43"/>
  </si>
  <si>
    <t>採用時健康診断</t>
    <phoneticPr fontId="3"/>
  </si>
  <si>
    <t>資格証</t>
    <rPh sb="0" eb="3">
      <t>シカクショウ</t>
    </rPh>
    <phoneticPr fontId="3"/>
  </si>
  <si>
    <t>備考</t>
    <rPh sb="0" eb="2">
      <t>ビコウ</t>
    </rPh>
    <phoneticPr fontId="3"/>
  </si>
  <si>
    <t>【記載にあたり留意すること】</t>
    <rPh sb="1" eb="3">
      <t>キサイ</t>
    </rPh>
    <rPh sb="7" eb="9">
      <t>リュウイ</t>
    </rPh>
    <phoneticPr fontId="3"/>
  </si>
  <si>
    <t>監査実施日の前々月の１日時点の状況を記入してください。</t>
  </si>
  <si>
    <t>雇用形態：プルダウンリストより選択してください。</t>
    <rPh sb="0" eb="4">
      <t>コヨウケイタイ</t>
    </rPh>
    <rPh sb="15" eb="17">
      <t>センタク</t>
    </rPh>
    <phoneticPr fontId="3"/>
  </si>
  <si>
    <t>新規採用：前回の監査日以降に採用した者について「○」を選択してください。</t>
    <rPh sb="0" eb="2">
      <t>シンキ</t>
    </rPh>
    <rPh sb="2" eb="4">
      <t>サイヨウ</t>
    </rPh>
    <rPh sb="5" eb="7">
      <t>ゼンカイ</t>
    </rPh>
    <rPh sb="8" eb="10">
      <t>カンサ</t>
    </rPh>
    <rPh sb="10" eb="11">
      <t>ビ</t>
    </rPh>
    <rPh sb="11" eb="13">
      <t>イコウ</t>
    </rPh>
    <rPh sb="14" eb="16">
      <t>サイヨウ</t>
    </rPh>
    <rPh sb="18" eb="19">
      <t>モノ</t>
    </rPh>
    <rPh sb="27" eb="29">
      <t>センタク</t>
    </rPh>
    <phoneticPr fontId="3"/>
  </si>
  <si>
    <t>嘱託医は末尾に記入し、職種欄に「嘱託医」、「嘱託歯科医」の別を記入してください。</t>
    <rPh sb="11" eb="13">
      <t>ショクシュ</t>
    </rPh>
    <phoneticPr fontId="3"/>
  </si>
  <si>
    <t>行が不足する場合は、適宜、追加してください。</t>
    <phoneticPr fontId="3"/>
  </si>
  <si>
    <t>「職種」に対応した
保有資格名を記載</t>
    <phoneticPr fontId="3"/>
  </si>
  <si>
    <t>施設長</t>
    <rPh sb="0" eb="3">
      <t>シセツチョウ</t>
    </rPh>
    <phoneticPr fontId="43"/>
  </si>
  <si>
    <t>社会福祉
事業従事
年数</t>
    <rPh sb="0" eb="2">
      <t>シャカイ</t>
    </rPh>
    <rPh sb="2" eb="4">
      <t>フクシ</t>
    </rPh>
    <rPh sb="5" eb="7">
      <t>ジギョウ</t>
    </rPh>
    <rPh sb="7" eb="9">
      <t>ジュウジ</t>
    </rPh>
    <rPh sb="10" eb="12">
      <t>ネンスウ</t>
    </rPh>
    <phoneticPr fontId="3"/>
  </si>
  <si>
    <t>職種：保育士、個別対応職員、家庭支援専門相談員、事務等。役職がある場合はその旨を記載してください。</t>
    <rPh sb="7" eb="13">
      <t>コベツタイオウショクイン</t>
    </rPh>
    <rPh sb="14" eb="23">
      <t>カテイシエンセンモンソウダンイン</t>
    </rPh>
    <rPh sb="33" eb="35">
      <t>バアイ</t>
    </rPh>
    <rPh sb="38" eb="39">
      <t>ムネ</t>
    </rPh>
    <rPh sb="40" eb="42">
      <t>キサイ</t>
    </rPh>
    <phoneticPr fontId="3"/>
  </si>
  <si>
    <t>保有資格：「職種」に対応した保有資格名を記載してください。</t>
    <rPh sb="0" eb="2">
      <t>ホユウ</t>
    </rPh>
    <rPh sb="2" eb="4">
      <t>シカク</t>
    </rPh>
    <rPh sb="6" eb="8">
      <t>ショクシュ</t>
    </rPh>
    <rPh sb="10" eb="12">
      <t>タイオウ</t>
    </rPh>
    <rPh sb="14" eb="16">
      <t>ホユウ</t>
    </rPh>
    <rPh sb="16" eb="18">
      <t>シカク</t>
    </rPh>
    <rPh sb="18" eb="19">
      <t>メイ</t>
    </rPh>
    <rPh sb="20" eb="22">
      <t>キサイ</t>
    </rPh>
    <phoneticPr fontId="3"/>
  </si>
  <si>
    <r>
      <t>　　　　⑦　令和</t>
    </r>
    <r>
      <rPr>
        <sz val="10"/>
        <color rgb="FFFF0000"/>
        <rFont val="ＭＳ Ｐゴシック"/>
        <family val="3"/>
        <charset val="128"/>
      </rPr>
      <t>８</t>
    </r>
    <r>
      <rPr>
        <sz val="10"/>
        <rFont val="ＭＳ Ｐゴシック"/>
        <family val="3"/>
        <charset val="128"/>
      </rPr>
      <t>年４月以降の新規採用職員は、表中の枠数(任意の３名分)を記入すること。</t>
    </r>
    <rPh sb="6" eb="8">
      <t>レイワ</t>
    </rPh>
    <rPh sb="11" eb="12">
      <t>ガツ</t>
    </rPh>
    <rPh sb="12" eb="14">
      <t>イコウ</t>
    </rPh>
    <rPh sb="15" eb="17">
      <t>シンキ</t>
    </rPh>
    <rPh sb="17" eb="19">
      <t>サイヨウ</t>
    </rPh>
    <rPh sb="19" eb="21">
      <t>ショクイン</t>
    </rPh>
    <rPh sb="23" eb="25">
      <t>ヒョウチュウ</t>
    </rPh>
    <rPh sb="26" eb="27">
      <t>ワク</t>
    </rPh>
    <rPh sb="27" eb="28">
      <t>スウ</t>
    </rPh>
    <rPh sb="29" eb="31">
      <t>ニンイ</t>
    </rPh>
    <rPh sb="33" eb="34">
      <t>メイ</t>
    </rPh>
    <rPh sb="34" eb="35">
      <t>フン</t>
    </rPh>
    <rPh sb="37" eb="39">
      <t>キニュウ</t>
    </rPh>
    <phoneticPr fontId="3"/>
  </si>
  <si>
    <r>
      <t xml:space="preserve">  （３）　令和</t>
    </r>
    <r>
      <rPr>
        <sz val="10"/>
        <color rgb="FFFF0000"/>
        <rFont val="ＭＳ Ｐゴシック"/>
        <family val="3"/>
        <charset val="128"/>
      </rPr>
      <t>７</t>
    </r>
    <r>
      <rPr>
        <sz val="10"/>
        <rFont val="ＭＳ Ｐゴシック"/>
        <family val="3"/>
        <charset val="128"/>
      </rPr>
      <t>年度常勤職員の平均年休取得日数</t>
    </r>
    <rPh sb="6" eb="8">
      <t>レイワ</t>
    </rPh>
    <rPh sb="11" eb="13">
      <t>ジョウキン</t>
    </rPh>
    <rPh sb="13" eb="15">
      <t>ショクイン</t>
    </rPh>
    <rPh sb="16" eb="18">
      <t>ヘイキン</t>
    </rPh>
    <rPh sb="18" eb="20">
      <t>ネンキュウ</t>
    </rPh>
    <rPh sb="20" eb="22">
      <t>シュトク</t>
    </rPh>
    <rPh sb="22" eb="24">
      <t>ニッスウ</t>
    </rPh>
    <phoneticPr fontId="3"/>
  </si>
  <si>
    <r>
      <t>令和</t>
    </r>
    <r>
      <rPr>
        <sz val="10"/>
        <color rgb="FFFF0000"/>
        <rFont val="ＭＳ Ｐゴシック"/>
        <family val="3"/>
        <charset val="128"/>
      </rPr>
      <t>８</t>
    </r>
    <r>
      <rPr>
        <sz val="10"/>
        <rFont val="ＭＳ Ｐゴシック"/>
        <family val="3"/>
        <charset val="128"/>
      </rPr>
      <t>年４月</t>
    </r>
    <rPh sb="0" eb="2">
      <t>レイワ</t>
    </rPh>
    <rPh sb="5" eb="6">
      <t>ガツ</t>
    </rPh>
    <phoneticPr fontId="3"/>
  </si>
  <si>
    <r>
      <t>令和</t>
    </r>
    <r>
      <rPr>
        <sz val="10"/>
        <color rgb="FFFF0000"/>
        <rFont val="ＭＳ Ｐゴシック"/>
        <family val="3"/>
        <charset val="128"/>
      </rPr>
      <t>７</t>
    </r>
    <r>
      <rPr>
        <sz val="10"/>
        <rFont val="ＭＳ Ｐゴシック"/>
        <family val="3"/>
        <charset val="128"/>
      </rPr>
      <t>年４月</t>
    </r>
    <rPh sb="0" eb="2">
      <t>レイワ</t>
    </rPh>
    <rPh sb="5" eb="6">
      <t>ガツ</t>
    </rPh>
    <phoneticPr fontId="3"/>
  </si>
  <si>
    <r>
      <t>令和</t>
    </r>
    <r>
      <rPr>
        <sz val="10"/>
        <color rgb="FFFF0000"/>
        <rFont val="ＭＳ Ｐゴシック"/>
        <family val="3"/>
        <charset val="128"/>
      </rPr>
      <t>７</t>
    </r>
    <r>
      <rPr>
        <sz val="10"/>
        <rFont val="ＭＳ Ｐゴシック"/>
        <family val="3"/>
        <charset val="128"/>
      </rPr>
      <t>年</t>
    </r>
    <rPh sb="0" eb="2">
      <t>レイワ</t>
    </rPh>
    <phoneticPr fontId="3"/>
  </si>
  <si>
    <r>
      <t>令和</t>
    </r>
    <r>
      <rPr>
        <sz val="10"/>
        <color rgb="FFFF0000"/>
        <rFont val="ＭＳ Ｐゴシック"/>
        <family val="3"/>
        <charset val="128"/>
      </rPr>
      <t>８</t>
    </r>
    <r>
      <rPr>
        <sz val="10"/>
        <rFont val="ＭＳ Ｐゴシック"/>
        <family val="3"/>
        <charset val="128"/>
      </rPr>
      <t>年４月以降の新規採用職員</t>
    </r>
    <rPh sb="0" eb="2">
      <t>レイワ</t>
    </rPh>
    <phoneticPr fontId="3"/>
  </si>
  <si>
    <r>
      <t>　・令和</t>
    </r>
    <r>
      <rPr>
        <sz val="10"/>
        <color rgb="FFFF0000"/>
        <rFont val="ＭＳ ゴシック"/>
        <family val="3"/>
        <charset val="128"/>
      </rPr>
      <t>７</t>
    </r>
    <r>
      <rPr>
        <sz val="10"/>
        <rFont val="ＭＳ ゴシック"/>
        <family val="3"/>
        <charset val="128"/>
      </rPr>
      <t>年４月以降に支払いを行っている、年間支払額(契約金額)が１００万円以上の契約について、記入してください。</t>
    </r>
    <rPh sb="2" eb="4">
      <t>レイワ</t>
    </rPh>
    <rPh sb="7" eb="8">
      <t>ガツ</t>
    </rPh>
    <rPh sb="8" eb="10">
      <t>イコウ</t>
    </rPh>
    <rPh sb="11" eb="13">
      <t>シハラ</t>
    </rPh>
    <rPh sb="15" eb="16">
      <t>オコナ</t>
    </rPh>
    <rPh sb="21" eb="23">
      <t>ネンカン</t>
    </rPh>
    <rPh sb="23" eb="25">
      <t>シハラ</t>
    </rPh>
    <rPh sb="25" eb="26">
      <t>ガク</t>
    </rPh>
    <rPh sb="27" eb="30">
      <t>ケイヤクキン</t>
    </rPh>
    <rPh sb="30" eb="31">
      <t>ガク</t>
    </rPh>
    <rPh sb="36" eb="37">
      <t>マン</t>
    </rPh>
    <rPh sb="37" eb="40">
      <t>エンイジョウ</t>
    </rPh>
    <rPh sb="41" eb="43">
      <t>ケイヤク</t>
    </rPh>
    <rPh sb="48" eb="50">
      <t>キニュウ</t>
    </rPh>
    <phoneticPr fontId="4"/>
  </si>
  <si>
    <r>
      <t>　・令和</t>
    </r>
    <r>
      <rPr>
        <sz val="10"/>
        <color rgb="FFFF0000"/>
        <rFont val="ＭＳ ゴシック"/>
        <family val="3"/>
        <charset val="128"/>
      </rPr>
      <t>７</t>
    </r>
    <r>
      <rPr>
        <sz val="10"/>
        <rFont val="ＭＳ ゴシック"/>
        <family val="3"/>
        <charset val="128"/>
      </rPr>
      <t>年４月以降に支払いを行っている、契約金額が１００万円以上の契約について、記入してください。</t>
    </r>
    <rPh sb="2" eb="4">
      <t>レイワ</t>
    </rPh>
    <rPh sb="7" eb="8">
      <t>ガツ</t>
    </rPh>
    <rPh sb="8" eb="10">
      <t>イコウ</t>
    </rPh>
    <rPh sb="11" eb="13">
      <t>シハラ</t>
    </rPh>
    <rPh sb="15" eb="16">
      <t>オコナ</t>
    </rPh>
    <rPh sb="21" eb="24">
      <t>ケイヤクキン</t>
    </rPh>
    <rPh sb="24" eb="25">
      <t>ガク</t>
    </rPh>
    <rPh sb="29" eb="30">
      <t>マン</t>
    </rPh>
    <rPh sb="30" eb="33">
      <t>エンイジョウ</t>
    </rPh>
    <rPh sb="34" eb="36">
      <t>ケイヤク</t>
    </rPh>
    <rPh sb="41" eb="43">
      <t>キニュウ</t>
    </rPh>
    <phoneticPr fontId="4"/>
  </si>
  <si>
    <r>
      <t>　・令和</t>
    </r>
    <r>
      <rPr>
        <sz val="10"/>
        <color rgb="FFFF0000"/>
        <rFont val="ＭＳ ゴシック"/>
        <family val="3"/>
        <charset val="128"/>
      </rPr>
      <t>７</t>
    </r>
    <r>
      <rPr>
        <sz val="10"/>
        <rFont val="ＭＳ ゴシック"/>
        <family val="3"/>
        <charset val="128"/>
      </rPr>
      <t>年４月以降に支払いを行っている、１点３０万円以上の物品等購入について、記入してください。</t>
    </r>
    <rPh sb="2" eb="4">
      <t>レイワ</t>
    </rPh>
    <rPh sb="7" eb="8">
      <t>ガツ</t>
    </rPh>
    <rPh sb="8" eb="10">
      <t>イコウ</t>
    </rPh>
    <rPh sb="11" eb="13">
      <t>シハラ</t>
    </rPh>
    <rPh sb="15" eb="16">
      <t>オコナ</t>
    </rPh>
    <rPh sb="22" eb="23">
      <t>テン</t>
    </rPh>
    <rPh sb="25" eb="26">
      <t>マン</t>
    </rPh>
    <rPh sb="26" eb="29">
      <t>エンイジョウ</t>
    </rPh>
    <rPh sb="30" eb="32">
      <t>ブッピン</t>
    </rPh>
    <rPh sb="32" eb="33">
      <t>トウ</t>
    </rPh>
    <rPh sb="33" eb="35">
      <t>コウニュウ</t>
    </rPh>
    <rPh sb="40" eb="42">
      <t>キニュウ</t>
    </rPh>
    <phoneticPr fontId="4"/>
  </si>
  <si>
    <r>
      <rPr>
        <sz val="10"/>
        <color rgb="FFFF0000"/>
        <rFont val="ＭＳ Ｐゴシック"/>
        <family val="3"/>
        <charset val="128"/>
      </rPr>
      <t>７</t>
    </r>
    <r>
      <rPr>
        <sz val="10"/>
        <rFont val="ＭＳ Ｐゴシック"/>
        <family val="3"/>
        <charset val="128"/>
      </rPr>
      <t>年 ４月</t>
    </r>
    <phoneticPr fontId="3"/>
  </si>
  <si>
    <r>
      <rPr>
        <sz val="10"/>
        <color rgb="FFFF0000"/>
        <rFont val="ＭＳ Ｐゴシック"/>
        <family val="3"/>
        <charset val="128"/>
      </rPr>
      <t>７</t>
    </r>
    <r>
      <rPr>
        <sz val="10"/>
        <rFont val="ＭＳ Ｐゴシック"/>
        <family val="3"/>
        <charset val="128"/>
      </rPr>
      <t>年 ５月</t>
    </r>
    <phoneticPr fontId="3"/>
  </si>
  <si>
    <r>
      <rPr>
        <sz val="10"/>
        <color rgb="FFFF0000"/>
        <rFont val="ＭＳ Ｐゴシック"/>
        <family val="3"/>
        <charset val="128"/>
      </rPr>
      <t>７</t>
    </r>
    <r>
      <rPr>
        <sz val="10"/>
        <rFont val="ＭＳ Ｐゴシック"/>
        <family val="3"/>
        <charset val="128"/>
      </rPr>
      <t>年 ６月</t>
    </r>
    <phoneticPr fontId="3"/>
  </si>
  <si>
    <r>
      <rPr>
        <sz val="10"/>
        <color rgb="FFFF0000"/>
        <rFont val="ＭＳ Ｐゴシック"/>
        <family val="3"/>
        <charset val="128"/>
      </rPr>
      <t>７</t>
    </r>
    <r>
      <rPr>
        <sz val="10"/>
        <rFont val="ＭＳ Ｐゴシック"/>
        <family val="3"/>
        <charset val="128"/>
      </rPr>
      <t>年 ７月</t>
    </r>
    <phoneticPr fontId="3"/>
  </si>
  <si>
    <r>
      <rPr>
        <sz val="10"/>
        <color rgb="FFFF0000"/>
        <rFont val="ＭＳ Ｐゴシック"/>
        <family val="3"/>
        <charset val="128"/>
      </rPr>
      <t>７</t>
    </r>
    <r>
      <rPr>
        <sz val="10"/>
        <rFont val="ＭＳ Ｐゴシック"/>
        <family val="3"/>
        <charset val="128"/>
      </rPr>
      <t>年 ８月</t>
    </r>
    <phoneticPr fontId="3"/>
  </si>
  <si>
    <r>
      <rPr>
        <sz val="10"/>
        <color rgb="FFFF0000"/>
        <rFont val="ＭＳ Ｐゴシック"/>
        <family val="3"/>
        <charset val="128"/>
      </rPr>
      <t>７</t>
    </r>
    <r>
      <rPr>
        <sz val="10"/>
        <rFont val="ＭＳ Ｐゴシック"/>
        <family val="3"/>
        <charset val="128"/>
      </rPr>
      <t>年 ９月</t>
    </r>
    <phoneticPr fontId="3"/>
  </si>
  <si>
    <r>
      <rPr>
        <sz val="10"/>
        <color rgb="FFFF0000"/>
        <rFont val="ＭＳ Ｐゴシック"/>
        <family val="3"/>
        <charset val="128"/>
      </rPr>
      <t>７</t>
    </r>
    <r>
      <rPr>
        <sz val="10"/>
        <rFont val="ＭＳ Ｐゴシック"/>
        <family val="3"/>
        <charset val="128"/>
      </rPr>
      <t>年10月</t>
    </r>
    <rPh sb="2" eb="3">
      <t>ガツ</t>
    </rPh>
    <phoneticPr fontId="3"/>
  </si>
  <si>
    <r>
      <rPr>
        <sz val="10"/>
        <color rgb="FFFF0000"/>
        <rFont val="ＭＳ Ｐゴシック"/>
        <family val="3"/>
        <charset val="128"/>
      </rPr>
      <t>７</t>
    </r>
    <r>
      <rPr>
        <sz val="10"/>
        <rFont val="ＭＳ Ｐゴシック"/>
        <family val="3"/>
        <charset val="128"/>
      </rPr>
      <t>年11月</t>
    </r>
    <rPh sb="2" eb="3">
      <t>ガツ</t>
    </rPh>
    <phoneticPr fontId="3"/>
  </si>
  <si>
    <r>
      <rPr>
        <sz val="10"/>
        <color rgb="FFFF0000"/>
        <rFont val="ＭＳ Ｐゴシック"/>
        <family val="3"/>
        <charset val="128"/>
      </rPr>
      <t>７</t>
    </r>
    <r>
      <rPr>
        <sz val="10"/>
        <rFont val="ＭＳ Ｐゴシック"/>
        <family val="3"/>
        <charset val="128"/>
      </rPr>
      <t>年12月</t>
    </r>
    <rPh sb="1" eb="2">
      <t>ガツ</t>
    </rPh>
    <phoneticPr fontId="3"/>
  </si>
  <si>
    <r>
      <rPr>
        <sz val="10"/>
        <color rgb="FFFF0000"/>
        <rFont val="ＭＳ Ｐゴシック"/>
        <family val="3"/>
        <charset val="128"/>
      </rPr>
      <t>８</t>
    </r>
    <r>
      <rPr>
        <sz val="10"/>
        <rFont val="ＭＳ Ｐゴシック"/>
        <family val="3"/>
        <charset val="128"/>
      </rPr>
      <t>年 １月</t>
    </r>
    <phoneticPr fontId="3"/>
  </si>
  <si>
    <r>
      <rPr>
        <sz val="10"/>
        <color rgb="FFFF0000"/>
        <rFont val="ＭＳ Ｐゴシック"/>
        <family val="3"/>
        <charset val="128"/>
      </rPr>
      <t>８</t>
    </r>
    <r>
      <rPr>
        <sz val="10"/>
        <rFont val="ＭＳ Ｐゴシック"/>
        <family val="3"/>
        <charset val="128"/>
      </rPr>
      <t>年 ２月</t>
    </r>
    <phoneticPr fontId="3"/>
  </si>
  <si>
    <r>
      <rPr>
        <sz val="10"/>
        <color rgb="FFFF0000"/>
        <rFont val="ＭＳ Ｐゴシック"/>
        <family val="3"/>
        <charset val="128"/>
      </rPr>
      <t>８</t>
    </r>
    <r>
      <rPr>
        <sz val="10"/>
        <rFont val="ＭＳ Ｐゴシック"/>
        <family val="3"/>
        <charset val="128"/>
      </rPr>
      <t>年 ３月</t>
    </r>
    <phoneticPr fontId="3"/>
  </si>
  <si>
    <r>
      <rPr>
        <sz val="10"/>
        <color rgb="FFFF0000"/>
        <rFont val="ＭＳ Ｐゴシック"/>
        <family val="3"/>
        <charset val="128"/>
      </rPr>
      <t>７</t>
    </r>
    <r>
      <rPr>
        <sz val="10"/>
        <rFont val="ＭＳ Ｐゴシック"/>
        <family val="3"/>
        <charset val="128"/>
      </rPr>
      <t>年10月</t>
    </r>
    <rPh sb="1" eb="2">
      <t>ガツ</t>
    </rPh>
    <phoneticPr fontId="3"/>
  </si>
  <si>
    <r>
      <rPr>
        <sz val="10"/>
        <color rgb="FFFF0000"/>
        <rFont val="ＭＳ Ｐゴシック"/>
        <family val="3"/>
        <charset val="128"/>
      </rPr>
      <t>７</t>
    </r>
    <r>
      <rPr>
        <sz val="10"/>
        <rFont val="ＭＳ Ｐゴシック"/>
        <family val="3"/>
        <charset val="128"/>
      </rPr>
      <t>年11月</t>
    </r>
    <rPh sb="1" eb="2">
      <t>ガツ</t>
    </rPh>
    <phoneticPr fontId="3"/>
  </si>
  <si>
    <r>
      <t>（７）令和</t>
    </r>
    <r>
      <rPr>
        <sz val="10"/>
        <color rgb="FFFF0000"/>
        <rFont val="ＭＳ Ｐゴシック"/>
        <family val="3"/>
        <charset val="128"/>
      </rPr>
      <t>７</t>
    </r>
    <r>
      <rPr>
        <sz val="10"/>
        <rFont val="ＭＳ Ｐゴシック"/>
        <family val="3"/>
        <charset val="128"/>
      </rPr>
      <t>年４月以降に施設内でのけが等で受診した事例　　（任意に３件を抽出し記載すること）</t>
    </r>
    <rPh sb="3" eb="5">
      <t>レイワ</t>
    </rPh>
    <rPh sb="6" eb="7">
      <t>ネン</t>
    </rPh>
    <rPh sb="8" eb="11">
      <t>ガツイコウ</t>
    </rPh>
    <rPh sb="12" eb="14">
      <t>シセツ</t>
    </rPh>
    <rPh sb="14" eb="15">
      <t>ナイ</t>
    </rPh>
    <rPh sb="19" eb="20">
      <t>トウ</t>
    </rPh>
    <rPh sb="21" eb="23">
      <t>ジュシン</t>
    </rPh>
    <rPh sb="25" eb="27">
      <t>ジレイ</t>
    </rPh>
    <rPh sb="30" eb="32">
      <t>ニンイ</t>
    </rPh>
    <rPh sb="34" eb="35">
      <t>ケン</t>
    </rPh>
    <rPh sb="36" eb="38">
      <t>チュウシュツ</t>
    </rPh>
    <rPh sb="39" eb="41">
      <t>キサイ</t>
    </rPh>
    <phoneticPr fontId="3"/>
  </si>
  <si>
    <r>
      <t>＊栄養量を計算した様式等があれば、令和</t>
    </r>
    <r>
      <rPr>
        <sz val="10"/>
        <color rgb="FFFF0000"/>
        <rFont val="游ゴシック"/>
        <family val="3"/>
        <charset val="128"/>
        <scheme val="minor"/>
      </rPr>
      <t>７</t>
    </r>
    <r>
      <rPr>
        <sz val="10"/>
        <rFont val="ＭＳ Ｐゴシック"/>
        <family val="3"/>
        <charset val="128"/>
      </rPr>
      <t>年６月・令和</t>
    </r>
    <r>
      <rPr>
        <sz val="10"/>
        <color rgb="FFFF0000"/>
        <rFont val="ＭＳ Ｐゴシック"/>
        <family val="3"/>
        <charset val="128"/>
      </rPr>
      <t>８</t>
    </r>
    <r>
      <rPr>
        <sz val="10"/>
        <rFont val="ＭＳ Ｐゴシック"/>
        <family val="3"/>
        <charset val="128"/>
      </rPr>
      <t>年１月分を添付してください。</t>
    </r>
    <rPh sb="1" eb="3">
      <t>エイヨウ</t>
    </rPh>
    <rPh sb="3" eb="4">
      <t>リョウ</t>
    </rPh>
    <rPh sb="5" eb="7">
      <t>ケイサン</t>
    </rPh>
    <rPh sb="9" eb="11">
      <t>ヨウシキ</t>
    </rPh>
    <rPh sb="11" eb="12">
      <t>トウ</t>
    </rPh>
    <rPh sb="17" eb="19">
      <t>レイワ</t>
    </rPh>
    <rPh sb="20" eb="21">
      <t>ネン</t>
    </rPh>
    <rPh sb="21" eb="22">
      <t>ヘイネン</t>
    </rPh>
    <rPh sb="22" eb="23">
      <t>ガツ</t>
    </rPh>
    <rPh sb="24" eb="26">
      <t>レイワ</t>
    </rPh>
    <rPh sb="27" eb="28">
      <t>ネン</t>
    </rPh>
    <rPh sb="28" eb="29">
      <t>ヘイネン</t>
    </rPh>
    <rPh sb="29" eb="30">
      <t>ガツ</t>
    </rPh>
    <rPh sb="30" eb="31">
      <t>ブン</t>
    </rPh>
    <rPh sb="32" eb="34">
      <t>テンプ</t>
    </rPh>
    <phoneticPr fontId="3"/>
  </si>
  <si>
    <r>
      <t>　　　　⑧  令和</t>
    </r>
    <r>
      <rPr>
        <sz val="10"/>
        <color rgb="FFFF0000"/>
        <rFont val="ＭＳ Ｐゴシック"/>
        <family val="3"/>
        <charset val="128"/>
      </rPr>
      <t>７</t>
    </r>
    <r>
      <rPr>
        <sz val="10"/>
        <rFont val="ＭＳ Ｐゴシック"/>
        <family val="3"/>
        <charset val="128"/>
      </rPr>
      <t>年支給総額は、令和</t>
    </r>
    <r>
      <rPr>
        <sz val="10"/>
        <color rgb="FFFF0000"/>
        <rFont val="ＭＳ Ｐゴシック"/>
        <family val="3"/>
        <charset val="128"/>
      </rPr>
      <t>７</t>
    </r>
    <r>
      <rPr>
        <sz val="10"/>
        <rFont val="ＭＳ Ｐゴシック"/>
        <family val="3"/>
        <charset val="128"/>
      </rPr>
      <t>年１月～12月」の年間支給総額を記入してください（源泉徴収票の支給総額を記入してください）。</t>
    </r>
    <rPh sb="7" eb="9">
      <t>レイワ</t>
    </rPh>
    <rPh sb="11" eb="13">
      <t>シキュウ</t>
    </rPh>
    <rPh sb="13" eb="15">
      <t>ソウガク</t>
    </rPh>
    <rPh sb="17" eb="19">
      <t>レイワ</t>
    </rPh>
    <rPh sb="22" eb="23">
      <t>ツキ</t>
    </rPh>
    <rPh sb="26" eb="27">
      <t>ツキ</t>
    </rPh>
    <rPh sb="29" eb="31">
      <t>ネンカン</t>
    </rPh>
    <rPh sb="31" eb="33">
      <t>シキュウ</t>
    </rPh>
    <rPh sb="33" eb="35">
      <t>ソウガク</t>
    </rPh>
    <rPh sb="36" eb="38">
      <t>キニュウ</t>
    </rPh>
    <rPh sb="45" eb="47">
      <t>ゲンセン</t>
    </rPh>
    <rPh sb="47" eb="49">
      <t>チョウシュウ</t>
    </rPh>
    <rPh sb="49" eb="50">
      <t>ヒョウ</t>
    </rPh>
    <rPh sb="51" eb="53">
      <t>シキュウ</t>
    </rPh>
    <rPh sb="53" eb="55">
      <t>ソウガク</t>
    </rPh>
    <rPh sb="56" eb="58">
      <t>キニュウ</t>
    </rPh>
    <phoneticPr fontId="3"/>
  </si>
  <si>
    <t>第２　職員処遇</t>
    <rPh sb="0" eb="1">
      <t>ダイ</t>
    </rPh>
    <rPh sb="3" eb="5">
      <t>ショクイン</t>
    </rPh>
    <rPh sb="5" eb="7">
      <t>ショグウ</t>
    </rPh>
    <phoneticPr fontId="3"/>
  </si>
  <si>
    <t>１　職員の採用退職・配置の状況</t>
    <rPh sb="2" eb="4">
      <t>ショクイン</t>
    </rPh>
    <rPh sb="5" eb="7">
      <t>サイヨウ</t>
    </rPh>
    <rPh sb="7" eb="9">
      <t>タイショク</t>
    </rPh>
    <rPh sb="10" eb="12">
      <t>ハイチ</t>
    </rPh>
    <rPh sb="13" eb="15">
      <t>ジョウキョウ</t>
    </rPh>
    <phoneticPr fontId="3"/>
  </si>
  <si>
    <t>２　社会保険等の加入状況</t>
    <rPh sb="2" eb="6">
      <t>シャカイホケン</t>
    </rPh>
    <rPh sb="6" eb="7">
      <t>トウ</t>
    </rPh>
    <rPh sb="8" eb="10">
      <t>カニュウ</t>
    </rPh>
    <rPh sb="10" eb="12">
      <t>ジョウキョウ</t>
    </rPh>
    <phoneticPr fontId="3"/>
  </si>
  <si>
    <t>３　処遇関係諸届の状況</t>
    <rPh sb="2" eb="4">
      <t>ショグウ</t>
    </rPh>
    <rPh sb="4" eb="6">
      <t>カンケイ</t>
    </rPh>
    <rPh sb="6" eb="7">
      <t>ショ</t>
    </rPh>
    <rPh sb="7" eb="8">
      <t>トドケ</t>
    </rPh>
    <rPh sb="9" eb="11">
      <t>ジョウキョウ</t>
    </rPh>
    <phoneticPr fontId="3"/>
  </si>
  <si>
    <t>４　職員の労働条件等</t>
    <rPh sb="2" eb="4">
      <t>ショクイン</t>
    </rPh>
    <rPh sb="5" eb="9">
      <t>ロウドウジョウケン</t>
    </rPh>
    <rPh sb="9" eb="10">
      <t>トウ</t>
    </rPh>
    <phoneticPr fontId="3"/>
  </si>
  <si>
    <t>５　職員の給与等</t>
    <rPh sb="2" eb="4">
      <t>ショクイン</t>
    </rPh>
    <rPh sb="5" eb="7">
      <t>キュウヨ</t>
    </rPh>
    <rPh sb="7" eb="8">
      <t>トウ</t>
    </rPh>
    <phoneticPr fontId="3"/>
  </si>
  <si>
    <t>６　職員の給与等の状況</t>
    <rPh sb="2" eb="4">
      <t>ショクイン</t>
    </rPh>
    <rPh sb="5" eb="7">
      <t>キュウヨ</t>
    </rPh>
    <rPh sb="7" eb="8">
      <t>トウ</t>
    </rPh>
    <rPh sb="9" eb="11">
      <t>ジョウキョウ</t>
    </rPh>
    <phoneticPr fontId="3"/>
  </si>
  <si>
    <t>９　施設職員の研修状況</t>
    <rPh sb="2" eb="4">
      <t>シセツ</t>
    </rPh>
    <rPh sb="4" eb="6">
      <t>ショクイン</t>
    </rPh>
    <rPh sb="7" eb="9">
      <t>ケンシュウ</t>
    </rPh>
    <rPh sb="9" eb="11">
      <t>ジッシジョウキョウ</t>
    </rPh>
    <phoneticPr fontId="3"/>
  </si>
  <si>
    <t>１０　保健衛生</t>
    <rPh sb="3" eb="5">
      <t>ホケン</t>
    </rPh>
    <rPh sb="5" eb="7">
      <t>エイセイ</t>
    </rPh>
    <phoneticPr fontId="3"/>
  </si>
  <si>
    <t>７　職員給食の実施状況　　実施の有無</t>
    <rPh sb="2" eb="4">
      <t>ショクイン</t>
    </rPh>
    <rPh sb="4" eb="6">
      <t>キュウショク</t>
    </rPh>
    <rPh sb="7" eb="11">
      <t>ジッシジョウキョウ</t>
    </rPh>
    <phoneticPr fontId="3"/>
  </si>
  <si>
    <t>８　職員宿舎</t>
    <rPh sb="2" eb="4">
      <t>ショクイン</t>
    </rPh>
    <rPh sb="4" eb="6">
      <t>シュクシャ</t>
    </rPh>
    <phoneticPr fontId="3"/>
  </si>
  <si>
    <t>令和７年度</t>
    <rPh sb="0" eb="2">
      <t>レイワ</t>
    </rPh>
    <phoneticPr fontId="3"/>
  </si>
  <si>
    <t>令和８年度</t>
    <rPh sb="0" eb="2">
      <t>レイワ</t>
    </rPh>
    <phoneticPr fontId="3"/>
  </si>
  <si>
    <t>令和８年６月１日現在又は９月１日現在</t>
    <rPh sb="0" eb="1">
      <t>レイ</t>
    </rPh>
    <rPh sb="1" eb="2">
      <t>ワ</t>
    </rPh>
    <rPh sb="4" eb="5">
      <t>ヘイネン</t>
    </rPh>
    <rPh sb="5" eb="6">
      <t>ガツ</t>
    </rPh>
    <rPh sb="7" eb="8">
      <t>ニチ</t>
    </rPh>
    <rPh sb="8" eb="10">
      <t>ゲンザイ</t>
    </rPh>
    <rPh sb="10" eb="11">
      <t>マタ</t>
    </rPh>
    <rPh sb="13" eb="14">
      <t>ガツ</t>
    </rPh>
    <rPh sb="15" eb="16">
      <t>ニチ</t>
    </rPh>
    <rPh sb="16" eb="18">
      <t>ゲンザイ</t>
    </rPh>
    <phoneticPr fontId="3"/>
  </si>
  <si>
    <t>令和８年度</t>
    <rPh sb="0" eb="2">
      <t>レイワ</t>
    </rPh>
    <phoneticPr fontId="12"/>
  </si>
  <si>
    <t xml:space="preserve"> （４）令和７年度の進路状況</t>
    <rPh sb="4" eb="6">
      <t>レイワ</t>
    </rPh>
    <rPh sb="7" eb="9">
      <t>ネンド</t>
    </rPh>
    <rPh sb="10" eb="12">
      <t>シンロ</t>
    </rPh>
    <phoneticPr fontId="12"/>
  </si>
  <si>
    <t>令和８年度　社会福祉施設指導監査提出資料</t>
    <rPh sb="6" eb="12">
      <t>シャカイフクシシセツ</t>
    </rPh>
    <rPh sb="12" eb="16">
      <t>シドウカンサ</t>
    </rPh>
    <rPh sb="16" eb="18">
      <t>テイシュツ</t>
    </rPh>
    <rPh sb="18" eb="20">
      <t>シリョウ</t>
    </rPh>
    <phoneticPr fontId="12"/>
  </si>
  <si>
    <t>令和８年度指導監査重点事項&lt;施設や職員の意識の現況を法人・施設等として点検し、今後の方針や目標を別紙に記入してください。&gt;　</t>
    <rPh sb="5" eb="9">
      <t>シドウカンサ</t>
    </rPh>
    <rPh sb="9" eb="11">
      <t>ジュウテン</t>
    </rPh>
    <rPh sb="11" eb="13">
      <t>ジコウ</t>
    </rPh>
    <rPh sb="29" eb="31">
      <t>シセツ</t>
    </rPh>
    <rPh sb="31" eb="32">
      <t>ナド</t>
    </rPh>
    <phoneticPr fontId="12"/>
  </si>
  <si>
    <r>
      <t>　※　令和</t>
    </r>
    <r>
      <rPr>
        <sz val="11"/>
        <rFont val="ＭＳ Ｐゴシック"/>
        <family val="3"/>
        <charset val="128"/>
      </rPr>
      <t>８年度指導監査重点事項等について、施設や職員の意識の現況を法人・施設等とし
　　　 て点検し、今後の方針や目標を記入してください。</t>
    </r>
    <rPh sb="6" eb="8">
      <t>ネンド</t>
    </rPh>
    <rPh sb="8" eb="10">
      <t>シドウ</t>
    </rPh>
    <rPh sb="10" eb="12">
      <t>カンサ</t>
    </rPh>
    <rPh sb="12" eb="14">
      <t>ジュウテン</t>
    </rPh>
    <rPh sb="14" eb="16">
      <t>ジコウ</t>
    </rPh>
    <rPh sb="16" eb="17">
      <t>トウ</t>
    </rPh>
    <rPh sb="22" eb="24">
      <t>シセツ</t>
    </rPh>
    <rPh sb="25" eb="27">
      <t>ショクイン</t>
    </rPh>
    <rPh sb="28" eb="30">
      <t>イシキ</t>
    </rPh>
    <rPh sb="31" eb="33">
      <t>ゲンキョウ</t>
    </rPh>
    <rPh sb="34" eb="36">
      <t>ホウジン</t>
    </rPh>
    <rPh sb="37" eb="39">
      <t>シセツ</t>
    </rPh>
    <rPh sb="39" eb="40">
      <t>ナド</t>
    </rPh>
    <rPh sb="48" eb="50">
      <t>テンケン</t>
    </rPh>
    <rPh sb="52" eb="54">
      <t>コンゴ</t>
    </rPh>
    <rPh sb="55" eb="57">
      <t>ホウシン</t>
    </rPh>
    <rPh sb="58" eb="60">
      <t>モクヒョウ</t>
    </rPh>
    <rPh sb="61" eb="63">
      <t>キニュウ</t>
    </rPh>
    <phoneticPr fontId="12"/>
  </si>
  <si>
    <r>
      <t xml:space="preserve">○ </t>
    </r>
    <r>
      <rPr>
        <sz val="11"/>
        <rFont val="ＭＳ Ｐゴシック"/>
        <family val="3"/>
        <charset val="128"/>
      </rPr>
      <t>防災・防犯対策・感染症対策の取組み</t>
    </r>
    <phoneticPr fontId="15"/>
  </si>
  <si>
    <r>
      <t>〇　</t>
    </r>
    <r>
      <rPr>
        <sz val="11"/>
        <rFont val="ＭＳ Ｐゴシック"/>
        <family val="3"/>
        <charset val="128"/>
      </rPr>
      <t>地域等との連携の取組み</t>
    </r>
    <rPh sb="2" eb="4">
      <t>チイキ</t>
    </rPh>
    <rPh sb="4" eb="5">
      <t>トウ</t>
    </rPh>
    <rPh sb="7" eb="9">
      <t>レンケイ</t>
    </rPh>
    <rPh sb="10" eb="12">
      <t>トリク</t>
    </rPh>
    <phoneticPr fontId="1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 0"/>
    <numFmt numFmtId="177" formatCode="\ 00"/>
    <numFmt numFmtId="178" formatCode="&quot;$&quot;#,##0_);[Red]\(&quot;$&quot;#,##0\)"/>
    <numFmt numFmtId="179" formatCode="#,##0_ "/>
    <numFmt numFmtId="180" formatCode="m/d;@"/>
    <numFmt numFmtId="181" formatCode="0.0_ "/>
  </numFmts>
  <fonts count="48">
    <font>
      <sz val="11"/>
      <name val="ＭＳ Ｐゴシック"/>
      <family val="3"/>
      <charset val="128"/>
    </font>
    <font>
      <sz val="9"/>
      <color rgb="FF000000"/>
      <name val="Meiryo UI"/>
      <family val="3"/>
      <charset val="128"/>
    </font>
    <font>
      <sz val="10"/>
      <name val="ＭＳ ゴシック"/>
      <family val="3"/>
      <charset val="128"/>
    </font>
    <font>
      <sz val="6"/>
      <name val="ＭＳ Ｐゴシック"/>
      <family val="3"/>
      <charset val="128"/>
    </font>
    <font>
      <sz val="6"/>
      <name val="ＭＳ ゴシック"/>
      <family val="3"/>
      <charset val="128"/>
    </font>
    <font>
      <sz val="11"/>
      <name val="ＭＳ Ｐゴシック"/>
      <family val="3"/>
      <charset val="128"/>
    </font>
    <font>
      <sz val="10"/>
      <name val="ＭＳ Ｐゴシック"/>
      <family val="3"/>
      <charset val="128"/>
    </font>
    <font>
      <sz val="9"/>
      <name val="ＭＳ ゴシック"/>
      <family val="3"/>
      <charset val="128"/>
    </font>
    <font>
      <sz val="8"/>
      <name val="ＭＳ ゴシック"/>
      <family val="3"/>
      <charset val="128"/>
    </font>
    <font>
      <sz val="8"/>
      <name val="ＭＳ Ｐゴシック"/>
      <family val="3"/>
      <charset val="128"/>
    </font>
    <font>
      <sz val="9"/>
      <name val="ＭＳ Ｐゴシック"/>
      <family val="3"/>
      <charset val="128"/>
    </font>
    <font>
      <sz val="14"/>
      <name val="ＭＳ Ｐゴシック"/>
      <family val="3"/>
      <charset val="128"/>
    </font>
    <font>
      <sz val="6"/>
      <name val="ＭＳ Ｐ明朝"/>
      <family val="1"/>
      <charset val="128"/>
    </font>
    <font>
      <u/>
      <sz val="10"/>
      <name val="ＭＳ Ｐゴシック"/>
      <family val="3"/>
      <charset val="128"/>
    </font>
    <font>
      <sz val="20"/>
      <name val="ＭＳ Ｐゴシック"/>
      <family val="3"/>
      <charset val="128"/>
    </font>
    <font>
      <sz val="6"/>
      <name val="ＭＳ 明朝"/>
      <family val="1"/>
      <charset val="128"/>
    </font>
    <font>
      <sz val="11"/>
      <name val="ＭＳ 明朝"/>
      <family val="1"/>
      <charset val="128"/>
    </font>
    <font>
      <sz val="12"/>
      <name val="ＭＳ Ｐゴシック"/>
      <family val="3"/>
      <charset val="128"/>
    </font>
    <font>
      <sz val="11"/>
      <name val="ＭＳ ゴシック"/>
      <family val="3"/>
      <charset val="128"/>
    </font>
    <font>
      <sz val="10"/>
      <name val="游ゴシック"/>
      <family val="3"/>
      <charset val="128"/>
      <scheme val="minor"/>
    </font>
    <font>
      <sz val="9"/>
      <name val="ＭＳ 明朝"/>
      <family val="1"/>
      <charset val="128"/>
    </font>
    <font>
      <b/>
      <u/>
      <sz val="10"/>
      <name val="ＭＳ Ｐゴシック"/>
      <family val="3"/>
      <charset val="128"/>
    </font>
    <font>
      <sz val="10.5"/>
      <name val="ＭＳ 明朝"/>
      <family val="1"/>
      <charset val="128"/>
    </font>
    <font>
      <sz val="10.5"/>
      <name val="ＭＳ ゴシック"/>
      <family val="3"/>
      <charset val="128"/>
    </font>
    <font>
      <sz val="12"/>
      <name val="ＭＳ ゴシック"/>
      <family val="3"/>
      <charset val="128"/>
    </font>
    <font>
      <b/>
      <sz val="14"/>
      <name val="ＭＳ ゴシック"/>
      <family val="3"/>
      <charset val="128"/>
    </font>
    <font>
      <b/>
      <sz val="11"/>
      <color rgb="FF00B050"/>
      <name val="ＭＳ ゴシック"/>
      <family val="3"/>
      <charset val="128"/>
    </font>
    <font>
      <b/>
      <sz val="11"/>
      <color rgb="FFFF0000"/>
      <name val="ＭＳ ゴシック"/>
      <family val="3"/>
      <charset val="128"/>
    </font>
    <font>
      <b/>
      <sz val="11"/>
      <name val="ＭＳ ゴシック"/>
      <family val="3"/>
      <charset val="128"/>
    </font>
    <font>
      <sz val="10"/>
      <color theme="1"/>
      <name val="ＭＳ ゴシック"/>
      <family val="3"/>
      <charset val="128"/>
    </font>
    <font>
      <sz val="11"/>
      <color theme="1"/>
      <name val="ＭＳ Ｐゴシック"/>
      <family val="3"/>
      <charset val="128"/>
    </font>
    <font>
      <sz val="9"/>
      <color theme="1"/>
      <name val="ＭＳ ゴシック"/>
      <family val="3"/>
      <charset val="128"/>
    </font>
    <font>
      <u/>
      <sz val="11"/>
      <name val="ＭＳ Ｐゴシック"/>
      <family val="3"/>
      <charset val="128"/>
    </font>
    <font>
      <sz val="7"/>
      <name val="ＭＳ ゴシック"/>
      <family val="3"/>
      <charset val="128"/>
    </font>
    <font>
      <sz val="14"/>
      <name val="ＭＳ ゴシック"/>
      <family val="3"/>
      <charset val="128"/>
    </font>
    <font>
      <sz val="10"/>
      <color rgb="FFFF0000"/>
      <name val="ＭＳ Ｐゴシック"/>
      <family val="3"/>
      <charset val="128"/>
    </font>
    <font>
      <sz val="10"/>
      <color rgb="FFFF0000"/>
      <name val="ＭＳ ゴシック"/>
      <family val="3"/>
      <charset val="128"/>
    </font>
    <font>
      <sz val="10"/>
      <name val="ＭＳ 明朝"/>
      <family val="1"/>
      <charset val="128"/>
    </font>
    <font>
      <sz val="14"/>
      <name val="ＭＳ 明朝"/>
      <family val="1"/>
      <charset val="128"/>
    </font>
    <font>
      <b/>
      <sz val="11"/>
      <name val="ＭＳ 明朝"/>
      <family val="1"/>
      <charset val="128"/>
    </font>
    <font>
      <sz val="8"/>
      <name val="ＭＳ 明朝"/>
      <family val="1"/>
      <charset val="128"/>
    </font>
    <font>
      <sz val="11.7"/>
      <name val="明朝体"/>
      <family val="3"/>
      <charset val="128"/>
    </font>
    <font>
      <b/>
      <sz val="14"/>
      <name val="ＭＳ 明朝"/>
      <family val="1"/>
      <charset val="128"/>
    </font>
    <font>
      <sz val="6"/>
      <name val="ＭＳ 明朝"/>
      <family val="2"/>
      <charset val="128"/>
    </font>
    <font>
      <sz val="12"/>
      <name val="ＭＳ 明朝"/>
      <family val="1"/>
      <charset val="128"/>
    </font>
    <font>
      <sz val="10"/>
      <color theme="1"/>
      <name val="ＭＳ 明朝"/>
      <family val="1"/>
      <charset val="128"/>
    </font>
    <font>
      <u/>
      <sz val="10"/>
      <name val="ＭＳ 明朝"/>
      <family val="1"/>
      <charset val="128"/>
    </font>
    <font>
      <sz val="10"/>
      <color rgb="FFFF0000"/>
      <name val="游ゴシック"/>
      <family val="3"/>
      <charset val="128"/>
      <scheme val="minor"/>
    </font>
  </fonts>
  <fills count="5">
    <fill>
      <patternFill patternType="none"/>
    </fill>
    <fill>
      <patternFill patternType="gray125"/>
    </fill>
    <fill>
      <patternFill patternType="solid">
        <fgColor theme="6" tint="0.79998168889431442"/>
        <bgColor indexed="64"/>
      </patternFill>
    </fill>
    <fill>
      <patternFill patternType="solid">
        <fgColor theme="4" tint="0.79998168889431442"/>
        <bgColor indexed="64"/>
      </patternFill>
    </fill>
    <fill>
      <patternFill patternType="solid">
        <fgColor theme="8" tint="0.79998168889431442"/>
        <bgColor indexed="64"/>
      </patternFill>
    </fill>
  </fills>
  <borders count="184">
    <border>
      <left/>
      <right/>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dotted">
        <color indexed="64"/>
      </right>
      <top style="thin">
        <color indexed="64"/>
      </top>
      <bottom style="medium">
        <color indexed="64"/>
      </bottom>
      <diagonal/>
    </border>
    <border>
      <left style="dotted">
        <color indexed="64"/>
      </left>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top/>
      <bottom style="medium">
        <color indexed="64"/>
      </bottom>
      <diagonal/>
    </border>
    <border>
      <left style="thin">
        <color indexed="64"/>
      </left>
      <right style="thin">
        <color indexed="64"/>
      </right>
      <top style="medium">
        <color indexed="64"/>
      </top>
      <bottom style="thin">
        <color indexed="64"/>
      </bottom>
      <diagonal/>
    </border>
    <border>
      <left style="medium">
        <color indexed="64"/>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style="medium">
        <color indexed="64"/>
      </top>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thin">
        <color indexed="64"/>
      </left>
      <right/>
      <top/>
      <bottom/>
      <diagonal/>
    </border>
    <border>
      <left/>
      <right style="medium">
        <color indexed="64"/>
      </right>
      <top/>
      <bottom/>
      <diagonal/>
    </border>
    <border>
      <left style="medium">
        <color indexed="64"/>
      </left>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top style="mediumDashDotDot">
        <color indexed="64"/>
      </top>
      <bottom/>
      <diagonal/>
    </border>
    <border>
      <left/>
      <right/>
      <top style="mediumDashDotDot">
        <color indexed="64"/>
      </top>
      <bottom/>
      <diagonal/>
    </border>
    <border>
      <left/>
      <right style="medium">
        <color indexed="64"/>
      </right>
      <top style="mediumDashDotDot">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style="dotted">
        <color indexed="64"/>
      </right>
      <top style="thin">
        <color indexed="64"/>
      </top>
      <bottom/>
      <diagonal/>
    </border>
    <border>
      <left/>
      <right style="dotted">
        <color indexed="64"/>
      </right>
      <top/>
      <bottom style="thin">
        <color indexed="64"/>
      </bottom>
      <diagonal/>
    </border>
    <border>
      <left/>
      <right style="dotted">
        <color indexed="64"/>
      </right>
      <top/>
      <bottom/>
      <diagonal/>
    </border>
    <border>
      <left/>
      <right style="dotted">
        <color indexed="64"/>
      </right>
      <top/>
      <bottom style="medium">
        <color indexed="64"/>
      </bottom>
      <diagonal/>
    </border>
    <border>
      <left style="medium">
        <color indexed="64"/>
      </left>
      <right/>
      <top style="medium">
        <color indexed="64"/>
      </top>
      <bottom style="dotted">
        <color indexed="64"/>
      </bottom>
      <diagonal/>
    </border>
    <border>
      <left/>
      <right style="thin">
        <color indexed="64"/>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thin">
        <color indexed="64"/>
      </top>
      <bottom style="dotted">
        <color indexed="64"/>
      </bottom>
      <diagonal/>
    </border>
    <border>
      <left/>
      <right style="thin">
        <color indexed="64"/>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medium">
        <color indexed="64"/>
      </right>
      <top style="thin">
        <color indexed="64"/>
      </top>
      <bottom style="thin">
        <color indexed="64"/>
      </bottom>
      <diagonal style="thin">
        <color indexed="64"/>
      </diagonal>
    </border>
    <border diagonalDown="1">
      <left style="thin">
        <color indexed="64"/>
      </left>
      <right/>
      <top style="thin">
        <color indexed="64"/>
      </top>
      <bottom style="medium">
        <color indexed="64"/>
      </bottom>
      <diagonal style="thin">
        <color indexed="64"/>
      </diagonal>
    </border>
    <border diagonalDown="1">
      <left/>
      <right/>
      <top style="thin">
        <color indexed="64"/>
      </top>
      <bottom style="medium">
        <color indexed="64"/>
      </bottom>
      <diagonal style="thin">
        <color indexed="64"/>
      </diagonal>
    </border>
    <border diagonalDown="1">
      <left/>
      <right style="medium">
        <color indexed="64"/>
      </right>
      <top style="thin">
        <color indexed="64"/>
      </top>
      <bottom style="medium">
        <color indexed="64"/>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medium">
        <color indexed="64"/>
      </right>
      <top/>
      <bottom style="thin">
        <color indexed="64"/>
      </bottom>
      <diagonal style="thin">
        <color indexed="64"/>
      </diagonal>
    </border>
    <border diagonalDown="1">
      <left style="thin">
        <color indexed="64"/>
      </left>
      <right/>
      <top/>
      <bottom/>
      <diagonal style="thin">
        <color indexed="64"/>
      </diagonal>
    </border>
    <border diagonalDown="1">
      <left/>
      <right/>
      <top/>
      <bottom/>
      <diagonal style="thin">
        <color indexed="64"/>
      </diagonal>
    </border>
    <border diagonalDown="1">
      <left/>
      <right style="medium">
        <color indexed="64"/>
      </right>
      <top/>
      <bottom/>
      <diagonal style="thin">
        <color indexed="64"/>
      </diagonal>
    </border>
    <border diagonalDown="1">
      <left style="thin">
        <color indexed="64"/>
      </left>
      <right style="medium">
        <color indexed="64"/>
      </right>
      <top style="thin">
        <color indexed="64"/>
      </top>
      <bottom style="thin">
        <color indexed="64"/>
      </bottom>
      <diagonal style="thin">
        <color indexed="64"/>
      </diagonal>
    </border>
    <border>
      <left style="medium">
        <color indexed="64"/>
      </left>
      <right style="thin">
        <color indexed="64"/>
      </right>
      <top style="dotted">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medium">
        <color indexed="64"/>
      </left>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style="thin">
        <color indexed="64"/>
      </top>
      <bottom style="medium">
        <color indexed="64"/>
      </bottom>
      <diagonal/>
    </border>
    <border>
      <left style="dotted">
        <color indexed="64"/>
      </left>
      <right/>
      <top style="thin">
        <color indexed="64"/>
      </top>
      <bottom/>
      <diagonal/>
    </border>
    <border>
      <left style="dotted">
        <color indexed="64"/>
      </left>
      <right/>
      <top/>
      <bottom/>
      <diagonal/>
    </border>
    <border>
      <left style="thin">
        <color indexed="64"/>
      </left>
      <right style="medium">
        <color indexed="64"/>
      </right>
      <top style="thin">
        <color indexed="64"/>
      </top>
      <bottom/>
      <diagonal/>
    </border>
    <border>
      <left style="dotted">
        <color indexed="64"/>
      </left>
      <right/>
      <top/>
      <bottom style="medium">
        <color indexed="64"/>
      </bottom>
      <diagonal/>
    </border>
    <border>
      <left style="thin">
        <color indexed="64"/>
      </left>
      <right style="medium">
        <color indexed="64"/>
      </right>
      <top/>
      <bottom style="medium">
        <color indexed="64"/>
      </bottom>
      <diagonal/>
    </border>
    <border>
      <left/>
      <right/>
      <top/>
      <bottom style="dotted">
        <color indexed="64"/>
      </bottom>
      <diagonal/>
    </border>
    <border>
      <left/>
      <right style="medium">
        <color indexed="64"/>
      </right>
      <top/>
      <bottom style="double">
        <color indexed="64"/>
      </bottom>
      <diagonal/>
    </border>
    <border>
      <left style="medium">
        <color indexed="64"/>
      </left>
      <right style="thin">
        <color indexed="64"/>
      </right>
      <top style="medium">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diagonalDown="1">
      <left style="medium">
        <color indexed="64"/>
      </left>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diagonalDown="1">
      <left style="medium">
        <color indexed="64"/>
      </left>
      <right/>
      <top style="medium">
        <color indexed="64"/>
      </top>
      <bottom style="medium">
        <color indexed="64"/>
      </bottom>
      <diagonal style="thin">
        <color indexed="64"/>
      </diagonal>
    </border>
    <border diagonalDown="1">
      <left/>
      <right style="medium">
        <color indexed="64"/>
      </right>
      <top style="medium">
        <color indexed="64"/>
      </top>
      <bottom style="medium">
        <color indexed="64"/>
      </bottom>
      <diagonal style="thin">
        <color indexed="64"/>
      </diagonal>
    </border>
    <border diagonalDown="1">
      <left style="medium">
        <color indexed="64"/>
      </left>
      <right style="medium">
        <color indexed="64"/>
      </right>
      <top style="medium">
        <color indexed="64"/>
      </top>
      <bottom style="medium">
        <color indexed="64"/>
      </bottom>
      <diagonal style="thin">
        <color indexed="64"/>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diagonalDown="1">
      <left style="thin">
        <color indexed="64"/>
      </left>
      <right style="medium">
        <color indexed="64"/>
      </right>
      <top style="thin">
        <color indexed="64"/>
      </top>
      <bottom/>
      <diagonal style="thin">
        <color indexed="64"/>
      </diagonal>
    </border>
    <border diagonalDown="1">
      <left style="thin">
        <color indexed="64"/>
      </left>
      <right style="medium">
        <color indexed="64"/>
      </right>
      <top/>
      <bottom style="thin">
        <color indexed="64"/>
      </bottom>
      <diagonal style="thin">
        <color indexed="64"/>
      </diagonal>
    </border>
    <border diagonalDown="1">
      <left style="medium">
        <color indexed="64"/>
      </left>
      <right style="thin">
        <color indexed="64"/>
      </right>
      <top style="medium">
        <color indexed="64"/>
      </top>
      <bottom style="thin">
        <color indexed="64"/>
      </bottom>
      <diagonal style="thin">
        <color indexed="64"/>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medium">
        <color indexed="64"/>
      </left>
      <right style="dashed">
        <color indexed="64"/>
      </right>
      <top style="medium">
        <color indexed="64"/>
      </top>
      <bottom style="double">
        <color indexed="64"/>
      </bottom>
      <diagonal/>
    </border>
    <border>
      <left style="dashed">
        <color indexed="64"/>
      </left>
      <right/>
      <top style="medium">
        <color indexed="64"/>
      </top>
      <bottom style="double">
        <color indexed="64"/>
      </bottom>
      <diagonal/>
    </border>
    <border>
      <left style="dashed">
        <color indexed="64"/>
      </left>
      <right style="medium">
        <color indexed="64"/>
      </right>
      <top style="medium">
        <color indexed="64"/>
      </top>
      <bottom style="double">
        <color indexed="64"/>
      </bottom>
      <diagonal/>
    </border>
    <border>
      <left style="medium">
        <color indexed="64"/>
      </left>
      <right style="dashed">
        <color indexed="64"/>
      </right>
      <top/>
      <bottom style="dashed">
        <color indexed="64"/>
      </bottom>
      <diagonal/>
    </border>
    <border>
      <left style="dashed">
        <color indexed="64"/>
      </left>
      <right/>
      <top/>
      <bottom style="dashed">
        <color indexed="64"/>
      </bottom>
      <diagonal/>
    </border>
    <border>
      <left style="dashed">
        <color indexed="64"/>
      </left>
      <right style="medium">
        <color indexed="64"/>
      </right>
      <top/>
      <bottom style="dashed">
        <color indexed="64"/>
      </bottom>
      <diagonal/>
    </border>
    <border>
      <left style="dashed">
        <color indexed="64"/>
      </left>
      <right/>
      <top style="dashed">
        <color indexed="64"/>
      </top>
      <bottom style="dashed">
        <color indexed="64"/>
      </bottom>
      <diagonal/>
    </border>
    <border>
      <left style="dashed">
        <color indexed="64"/>
      </left>
      <right style="medium">
        <color indexed="64"/>
      </right>
      <top style="dashed">
        <color indexed="64"/>
      </top>
      <bottom style="dashed">
        <color indexed="64"/>
      </bottom>
      <diagonal/>
    </border>
    <border>
      <left style="medium">
        <color indexed="64"/>
      </left>
      <right style="dashed">
        <color indexed="64"/>
      </right>
      <top style="dashed">
        <color indexed="64"/>
      </top>
      <bottom style="medium">
        <color indexed="64"/>
      </bottom>
      <diagonal/>
    </border>
    <border>
      <left style="dashed">
        <color indexed="64"/>
      </left>
      <right/>
      <top style="dashed">
        <color indexed="64"/>
      </top>
      <bottom style="medium">
        <color indexed="64"/>
      </bottom>
      <diagonal/>
    </border>
    <border>
      <left style="dashed">
        <color indexed="64"/>
      </left>
      <right style="medium">
        <color indexed="64"/>
      </right>
      <top style="dashed">
        <color indexed="64"/>
      </top>
      <bottom style="medium">
        <color indexed="64"/>
      </bottom>
      <diagonal/>
    </border>
    <border>
      <left style="medium">
        <color indexed="64"/>
      </left>
      <right style="dashed">
        <color indexed="64"/>
      </right>
      <top style="dashed">
        <color indexed="64"/>
      </top>
      <bottom style="hair">
        <color indexed="64"/>
      </bottom>
      <diagonal/>
    </border>
    <border>
      <left style="dashed">
        <color indexed="64"/>
      </left>
      <right/>
      <top style="dashed">
        <color indexed="64"/>
      </top>
      <bottom style="hair">
        <color indexed="64"/>
      </bottom>
      <diagonal/>
    </border>
    <border>
      <left style="dashed">
        <color indexed="64"/>
      </left>
      <right style="medium">
        <color indexed="64"/>
      </right>
      <top style="dashed">
        <color indexed="64"/>
      </top>
      <bottom style="hair">
        <color indexed="64"/>
      </bottom>
      <diagonal/>
    </border>
    <border>
      <left style="medium">
        <color indexed="64"/>
      </left>
      <right style="dashed">
        <color indexed="64"/>
      </right>
      <top/>
      <bottom/>
      <diagonal/>
    </border>
    <border>
      <left style="dashed">
        <color indexed="64"/>
      </left>
      <right/>
      <top/>
      <bottom/>
      <diagonal/>
    </border>
    <border>
      <left style="dashed">
        <color indexed="64"/>
      </left>
      <right style="medium">
        <color indexed="64"/>
      </right>
      <top/>
      <bottom/>
      <diagonal/>
    </border>
    <border>
      <left style="medium">
        <color indexed="64"/>
      </left>
      <right style="dashed">
        <color indexed="64"/>
      </right>
      <top style="double">
        <color indexed="64"/>
      </top>
      <bottom style="dashed">
        <color indexed="64"/>
      </bottom>
      <diagonal/>
    </border>
    <border>
      <left style="medium">
        <color indexed="64"/>
      </left>
      <right style="dashed">
        <color indexed="64"/>
      </right>
      <top style="double">
        <color indexed="64"/>
      </top>
      <bottom style="dotted">
        <color indexed="64"/>
      </bottom>
      <diagonal/>
    </border>
    <border>
      <left style="dashed">
        <color indexed="64"/>
      </left>
      <right/>
      <top style="double">
        <color indexed="64"/>
      </top>
      <bottom style="dotted">
        <color indexed="64"/>
      </bottom>
      <diagonal/>
    </border>
    <border>
      <left style="dashed">
        <color indexed="64"/>
      </left>
      <right style="medium">
        <color indexed="64"/>
      </right>
      <top style="double">
        <color indexed="64"/>
      </top>
      <bottom style="dotted">
        <color indexed="64"/>
      </bottom>
      <diagonal/>
    </border>
    <border>
      <left style="medium">
        <color indexed="64"/>
      </left>
      <right style="dashed">
        <color indexed="64"/>
      </right>
      <top style="dotted">
        <color indexed="64"/>
      </top>
      <bottom style="dashed">
        <color indexed="64"/>
      </bottom>
      <diagonal/>
    </border>
    <border>
      <left style="medium">
        <color indexed="64"/>
      </left>
      <right/>
      <top style="mediumDashDot">
        <color indexed="64"/>
      </top>
      <bottom/>
      <diagonal/>
    </border>
    <border>
      <left/>
      <right/>
      <top style="mediumDashDot">
        <color indexed="64"/>
      </top>
      <bottom/>
      <diagonal/>
    </border>
    <border>
      <left/>
      <right style="medium">
        <color indexed="64"/>
      </right>
      <top style="mediumDashDot">
        <color indexed="64"/>
      </top>
      <bottom/>
      <diagonal/>
    </border>
    <border>
      <left style="medium">
        <color indexed="64"/>
      </left>
      <right/>
      <top/>
      <bottom style="mediumDashDotDot">
        <color indexed="64"/>
      </bottom>
      <diagonal/>
    </border>
    <border>
      <left/>
      <right/>
      <top/>
      <bottom style="mediumDashDotDot">
        <color indexed="64"/>
      </bottom>
      <diagonal/>
    </border>
    <border>
      <left/>
      <right style="medium">
        <color indexed="64"/>
      </right>
      <top/>
      <bottom style="mediumDashDotDot">
        <color indexed="64"/>
      </bottom>
      <diagonal/>
    </border>
    <border>
      <left style="medium">
        <color indexed="64"/>
      </left>
      <right/>
      <top/>
      <bottom style="dotted">
        <color indexed="64"/>
      </bottom>
      <diagonal/>
    </border>
    <border>
      <left/>
      <right style="medium">
        <color indexed="64"/>
      </right>
      <top/>
      <bottom style="dotted">
        <color indexed="64"/>
      </bottom>
      <diagonal/>
    </border>
    <border>
      <left style="thin">
        <color indexed="64"/>
      </left>
      <right/>
      <top style="dotted">
        <color indexed="64"/>
      </top>
      <bottom style="thin">
        <color indexed="64"/>
      </bottom>
      <diagonal/>
    </border>
    <border>
      <left style="thin">
        <color indexed="64"/>
      </left>
      <right/>
      <top style="medium">
        <color indexed="64"/>
      </top>
      <bottom style="dotted">
        <color indexed="64"/>
      </bottom>
      <diagonal/>
    </border>
    <border>
      <left/>
      <right/>
      <top style="dotted">
        <color indexed="64"/>
      </top>
      <bottom/>
      <diagonal/>
    </border>
    <border>
      <left/>
      <right style="medium">
        <color indexed="64"/>
      </right>
      <top style="dotted">
        <color indexed="64"/>
      </top>
      <bottom/>
      <diagonal/>
    </border>
    <border>
      <left style="thin">
        <color indexed="64"/>
      </left>
      <right/>
      <top style="thin">
        <color indexed="64"/>
      </top>
      <bottom style="dotted">
        <color indexed="64"/>
      </bottom>
      <diagonal/>
    </border>
    <border>
      <left style="medium">
        <color indexed="64"/>
      </left>
      <right style="medium">
        <color indexed="64"/>
      </right>
      <top style="medium">
        <color indexed="64"/>
      </top>
      <bottom style="medium">
        <color indexed="64"/>
      </bottom>
      <diagonal/>
    </border>
    <border diagonalDown="1">
      <left style="medium">
        <color indexed="64"/>
      </left>
      <right style="thin">
        <color indexed="64"/>
      </right>
      <top/>
      <bottom/>
      <diagonal style="thin">
        <color indexed="64"/>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medium">
        <color indexed="64"/>
      </left>
      <right style="hair">
        <color indexed="64"/>
      </right>
      <top/>
      <bottom/>
      <diagonal/>
    </border>
    <border>
      <left style="hair">
        <color indexed="64"/>
      </left>
      <right style="hair">
        <color indexed="64"/>
      </right>
      <top/>
      <bottom/>
      <diagonal/>
    </border>
    <border>
      <left style="hair">
        <color indexed="64"/>
      </left>
      <right/>
      <top/>
      <bottom/>
      <diagonal/>
    </border>
    <border>
      <left style="thin">
        <color indexed="64"/>
      </left>
      <right style="hair">
        <color indexed="64"/>
      </right>
      <top/>
      <bottom/>
      <diagonal/>
    </border>
    <border diagonalDown="1">
      <left style="medium">
        <color indexed="64"/>
      </left>
      <right style="thin">
        <color indexed="64"/>
      </right>
      <top/>
      <bottom style="medium">
        <color indexed="64"/>
      </bottom>
      <diagonal style="thin">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right style="hair">
        <color indexed="64"/>
      </right>
      <top/>
      <bottom style="medium">
        <color indexed="64"/>
      </bottom>
      <diagonal/>
    </border>
    <border>
      <left style="hair">
        <color indexed="64"/>
      </left>
      <right/>
      <top/>
      <bottom style="medium">
        <color indexed="64"/>
      </bottom>
      <diagonal/>
    </border>
    <border>
      <left style="medium">
        <color indexed="64"/>
      </left>
      <right style="hair">
        <color indexed="64"/>
      </right>
      <top/>
      <bottom style="medium">
        <color indexed="64"/>
      </bottom>
      <diagonal/>
    </border>
    <border>
      <left/>
      <right style="hair">
        <color indexed="64"/>
      </right>
      <top style="medium">
        <color indexed="64"/>
      </top>
      <bottom style="thin">
        <color indexed="64"/>
      </bottom>
      <diagonal/>
    </border>
    <border>
      <left style="hair">
        <color indexed="64"/>
      </left>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bottom style="medium">
        <color indexed="64"/>
      </bottom>
      <diagonal/>
    </border>
  </borders>
  <cellStyleXfs count="18">
    <xf numFmtId="0" fontId="0" fillId="0" borderId="0"/>
    <xf numFmtId="0" fontId="2" fillId="0" borderId="0"/>
    <xf numFmtId="0" fontId="2" fillId="0" borderId="0"/>
    <xf numFmtId="0" fontId="2" fillId="0" borderId="0"/>
    <xf numFmtId="0" fontId="16" fillId="0" borderId="0"/>
    <xf numFmtId="0" fontId="2" fillId="0" borderId="0"/>
    <xf numFmtId="0" fontId="2" fillId="0" borderId="0"/>
    <xf numFmtId="0" fontId="2" fillId="0" borderId="0"/>
    <xf numFmtId="0" fontId="20" fillId="0" borderId="0"/>
    <xf numFmtId="178" fontId="5" fillId="0" borderId="0" applyFont="0" applyFill="0" applyBorder="0" applyAlignment="0" applyProtection="0"/>
    <xf numFmtId="0" fontId="2" fillId="0" borderId="0"/>
    <xf numFmtId="0" fontId="22" fillId="0" borderId="0"/>
    <xf numFmtId="0" fontId="2" fillId="0" borderId="0"/>
    <xf numFmtId="0" fontId="2" fillId="0" borderId="0"/>
    <xf numFmtId="38" fontId="5" fillId="0" borderId="0" applyFont="0" applyFill="0" applyBorder="0" applyAlignment="0" applyProtection="0">
      <alignment vertical="center"/>
    </xf>
    <xf numFmtId="0" fontId="2" fillId="0" borderId="0"/>
    <xf numFmtId="0" fontId="6" fillId="0" borderId="0"/>
    <xf numFmtId="0" fontId="41" fillId="0" borderId="0"/>
  </cellStyleXfs>
  <cellXfs count="1997">
    <xf numFmtId="0" fontId="0" fillId="0" borderId="0" xfId="0"/>
    <xf numFmtId="0" fontId="2" fillId="0" borderId="0" xfId="1" applyFont="1" applyFill="1" applyAlignment="1">
      <alignment vertical="center"/>
    </xf>
    <xf numFmtId="0" fontId="2" fillId="0" borderId="9" xfId="1" applyFont="1" applyFill="1" applyBorder="1" applyAlignment="1">
      <alignment vertical="center"/>
    </xf>
    <xf numFmtId="0" fontId="2" fillId="0" borderId="11" xfId="1" applyFont="1" applyFill="1" applyBorder="1" applyAlignment="1">
      <alignment horizontal="right" vertical="center"/>
    </xf>
    <xf numFmtId="0" fontId="2" fillId="0" borderId="0" xfId="1" applyFont="1" applyFill="1" applyBorder="1" applyAlignment="1">
      <alignment vertical="center"/>
    </xf>
    <xf numFmtId="0" fontId="2" fillId="0" borderId="13" xfId="2" applyFont="1" applyFill="1" applyBorder="1" applyAlignment="1">
      <alignment vertical="center"/>
    </xf>
    <xf numFmtId="0" fontId="2" fillId="0" borderId="4" xfId="1" applyFont="1" applyFill="1" applyBorder="1" applyAlignment="1">
      <alignment horizontal="centerContinuous" vertical="center"/>
    </xf>
    <xf numFmtId="0" fontId="2" fillId="0" borderId="2" xfId="1" applyFont="1" applyFill="1" applyBorder="1" applyAlignment="1">
      <alignment horizontal="centerContinuous" vertical="center"/>
    </xf>
    <xf numFmtId="0" fontId="2" fillId="0" borderId="5" xfId="1" applyFont="1" applyFill="1" applyBorder="1" applyAlignment="1">
      <alignment horizontal="centerContinuous" vertical="center"/>
    </xf>
    <xf numFmtId="0" fontId="2" fillId="0" borderId="16" xfId="1" applyFont="1" applyFill="1" applyBorder="1" applyAlignment="1">
      <alignment horizontal="centerContinuous" vertical="center"/>
    </xf>
    <xf numFmtId="0" fontId="2" fillId="0" borderId="17" xfId="1" applyFont="1" applyFill="1" applyBorder="1" applyAlignment="1">
      <alignment horizontal="left" vertical="center"/>
    </xf>
    <xf numFmtId="0" fontId="2" fillId="0" borderId="17" xfId="1" applyFont="1" applyFill="1" applyBorder="1" applyAlignment="1">
      <alignment horizontal="centerContinuous" vertical="center"/>
    </xf>
    <xf numFmtId="0" fontId="2" fillId="0" borderId="19" xfId="1" applyFont="1" applyFill="1" applyBorder="1" applyAlignment="1">
      <alignment horizontal="centerContinuous" vertical="center"/>
    </xf>
    <xf numFmtId="0" fontId="2" fillId="0" borderId="20" xfId="1" applyFont="1" applyFill="1" applyBorder="1" applyAlignment="1">
      <alignment horizontal="center" vertical="center"/>
    </xf>
    <xf numFmtId="0" fontId="6" fillId="0" borderId="18" xfId="0" applyFont="1" applyFill="1" applyBorder="1" applyAlignment="1">
      <alignment vertical="center"/>
    </xf>
    <xf numFmtId="0" fontId="2" fillId="0" borderId="11" xfId="1" applyFont="1" applyFill="1" applyBorder="1" applyAlignment="1">
      <alignment horizontal="centerContinuous" vertical="center"/>
    </xf>
    <xf numFmtId="0" fontId="2" fillId="0" borderId="7" xfId="1" applyFont="1" applyFill="1" applyBorder="1" applyAlignment="1">
      <alignment horizontal="centerContinuous" vertical="center"/>
    </xf>
    <xf numFmtId="0" fontId="2" fillId="0" borderId="12" xfId="1" applyFont="1" applyFill="1" applyBorder="1" applyAlignment="1">
      <alignment horizontal="centerContinuous" vertical="center"/>
    </xf>
    <xf numFmtId="0" fontId="7" fillId="0" borderId="0" xfId="1" applyFont="1" applyFill="1" applyBorder="1" applyAlignment="1">
      <alignment horizontal="left" vertical="center"/>
    </xf>
    <xf numFmtId="0" fontId="2" fillId="0" borderId="0" xfId="1" applyFont="1" applyFill="1" applyBorder="1" applyAlignment="1">
      <alignment horizontal="left" vertical="center"/>
    </xf>
    <xf numFmtId="0" fontId="2" fillId="0" borderId="3" xfId="1" applyFont="1" applyFill="1" applyBorder="1" applyAlignment="1">
      <alignment horizontal="centerContinuous" vertical="center"/>
    </xf>
    <xf numFmtId="0" fontId="8" fillId="0" borderId="4" xfId="2" applyFont="1" applyFill="1" applyBorder="1" applyAlignment="1">
      <alignment horizontal="center" vertical="center" wrapText="1"/>
    </xf>
    <xf numFmtId="0" fontId="7" fillId="0" borderId="0" xfId="2" applyFont="1" applyFill="1" applyBorder="1" applyAlignment="1">
      <alignment horizontal="left" vertical="center"/>
    </xf>
    <xf numFmtId="0" fontId="2" fillId="0" borderId="16" xfId="2" applyFont="1" applyFill="1" applyBorder="1" applyAlignment="1">
      <alignment horizontal="center" vertical="center"/>
    </xf>
    <xf numFmtId="0" fontId="8" fillId="0" borderId="16" xfId="2" applyFont="1" applyFill="1" applyBorder="1" applyAlignment="1">
      <alignment horizontal="center" vertical="center" wrapText="1"/>
    </xf>
    <xf numFmtId="0" fontId="2" fillId="0" borderId="11" xfId="2" applyFont="1" applyFill="1" applyBorder="1" applyAlignment="1">
      <alignment vertical="center"/>
    </xf>
    <xf numFmtId="0" fontId="2" fillId="0" borderId="7" xfId="2" applyFont="1" applyFill="1" applyBorder="1" applyAlignment="1">
      <alignment vertical="center"/>
    </xf>
    <xf numFmtId="0" fontId="2" fillId="0" borderId="12" xfId="2" applyFont="1" applyFill="1" applyBorder="1" applyAlignment="1">
      <alignment vertical="center"/>
    </xf>
    <xf numFmtId="0" fontId="2" fillId="0" borderId="25" xfId="1" applyFont="1" applyFill="1" applyBorder="1" applyAlignment="1">
      <alignment vertical="center"/>
    </xf>
    <xf numFmtId="0" fontId="2" fillId="0" borderId="14" xfId="1" applyFont="1" applyFill="1" applyBorder="1" applyAlignment="1">
      <alignment horizontal="center" vertical="center" wrapText="1" shrinkToFit="1"/>
    </xf>
    <xf numFmtId="0" fontId="9" fillId="0" borderId="17" xfId="2" applyFont="1" applyFill="1" applyBorder="1" applyAlignment="1">
      <alignment vertical="center"/>
    </xf>
    <xf numFmtId="0" fontId="9" fillId="0" borderId="17" xfId="2" applyFont="1" applyFill="1" applyBorder="1" applyAlignment="1">
      <alignment horizontal="right" vertical="center"/>
    </xf>
    <xf numFmtId="0" fontId="9" fillId="0" borderId="17" xfId="2" applyFont="1" applyFill="1" applyBorder="1" applyAlignment="1">
      <alignment horizontal="center" vertical="center"/>
    </xf>
    <xf numFmtId="0" fontId="9" fillId="0" borderId="21" xfId="1" applyFont="1" applyFill="1" applyBorder="1" applyAlignment="1">
      <alignment vertical="center"/>
    </xf>
    <xf numFmtId="0" fontId="2" fillId="0" borderId="27" xfId="1" applyFont="1" applyFill="1" applyBorder="1" applyAlignment="1">
      <alignment horizontal="center" vertical="center"/>
    </xf>
    <xf numFmtId="0" fontId="2" fillId="0" borderId="28" xfId="1" applyFont="1" applyFill="1" applyBorder="1" applyAlignment="1">
      <alignment vertical="center"/>
    </xf>
    <xf numFmtId="0" fontId="9" fillId="0" borderId="7" xfId="2" applyFont="1" applyFill="1" applyBorder="1" applyAlignment="1">
      <alignment vertical="center"/>
    </xf>
    <xf numFmtId="0" fontId="9" fillId="0" borderId="7" xfId="2" applyFont="1" applyFill="1" applyBorder="1" applyAlignment="1">
      <alignment horizontal="right" vertical="center"/>
    </xf>
    <xf numFmtId="0" fontId="9" fillId="0" borderId="8" xfId="1" applyFont="1" applyFill="1" applyBorder="1" applyAlignment="1">
      <alignment vertical="center"/>
    </xf>
    <xf numFmtId="0" fontId="2" fillId="0" borderId="0" xfId="1" applyFont="1" applyFill="1" applyBorder="1" applyAlignment="1">
      <alignment horizontal="center" vertical="center"/>
    </xf>
    <xf numFmtId="0" fontId="9" fillId="0" borderId="0" xfId="1" applyFont="1" applyFill="1" applyBorder="1" applyAlignment="1">
      <alignment horizontal="center" vertical="center"/>
    </xf>
    <xf numFmtId="0" fontId="6" fillId="0" borderId="0" xfId="3" applyFont="1" applyFill="1"/>
    <xf numFmtId="0" fontId="0" fillId="0" borderId="0" xfId="0" applyFont="1" applyFill="1" applyAlignment="1">
      <alignment vertical="center"/>
    </xf>
    <xf numFmtId="0" fontId="6" fillId="0" borderId="0" xfId="0" applyFont="1" applyFill="1" applyAlignment="1">
      <alignment vertical="center"/>
    </xf>
    <xf numFmtId="0" fontId="6" fillId="0" borderId="31" xfId="0" applyFont="1" applyFill="1" applyBorder="1" applyAlignment="1">
      <alignment vertical="center"/>
    </xf>
    <xf numFmtId="0" fontId="6" fillId="0" borderId="32" xfId="0" applyFont="1" applyFill="1" applyBorder="1" applyAlignment="1">
      <alignment vertical="center"/>
    </xf>
    <xf numFmtId="0" fontId="6" fillId="0" borderId="23" xfId="0" applyFont="1" applyFill="1" applyBorder="1" applyAlignment="1">
      <alignment vertical="center"/>
    </xf>
    <xf numFmtId="0" fontId="6" fillId="0" borderId="17" xfId="0" applyFont="1" applyFill="1" applyBorder="1" applyAlignment="1">
      <alignment vertical="center"/>
    </xf>
    <xf numFmtId="0" fontId="6" fillId="0" borderId="19" xfId="0" applyFont="1" applyFill="1" applyBorder="1" applyAlignment="1">
      <alignment vertical="center"/>
    </xf>
    <xf numFmtId="0" fontId="6" fillId="0" borderId="33" xfId="0" applyFont="1" applyFill="1" applyBorder="1" applyAlignment="1">
      <alignment vertical="center"/>
    </xf>
    <xf numFmtId="0" fontId="6" fillId="0" borderId="35" xfId="0" applyFont="1" applyFill="1" applyBorder="1" applyAlignment="1">
      <alignment vertical="center"/>
    </xf>
    <xf numFmtId="0" fontId="6" fillId="0" borderId="36" xfId="0" applyFont="1" applyFill="1" applyBorder="1" applyAlignment="1">
      <alignment vertical="center"/>
    </xf>
    <xf numFmtId="0" fontId="6" fillId="0" borderId="36" xfId="0" applyFont="1" applyFill="1" applyBorder="1" applyAlignment="1">
      <alignment horizontal="left" vertical="center"/>
    </xf>
    <xf numFmtId="0" fontId="6" fillId="0" borderId="41" xfId="0" applyFont="1" applyFill="1" applyBorder="1" applyAlignment="1">
      <alignment vertical="center"/>
    </xf>
    <xf numFmtId="0" fontId="6" fillId="0" borderId="42" xfId="0" applyFont="1" applyFill="1" applyBorder="1" applyAlignment="1">
      <alignment vertical="center"/>
    </xf>
    <xf numFmtId="0" fontId="6" fillId="0" borderId="40" xfId="0" applyFont="1" applyFill="1" applyBorder="1" applyAlignment="1">
      <alignment vertical="center"/>
    </xf>
    <xf numFmtId="0" fontId="6" fillId="0" borderId="0" xfId="0" applyFont="1" applyFill="1" applyBorder="1" applyAlignment="1">
      <alignment vertical="center"/>
    </xf>
    <xf numFmtId="0" fontId="6" fillId="0" borderId="43" xfId="0" applyFont="1" applyFill="1" applyBorder="1" applyAlignment="1">
      <alignment vertical="center"/>
    </xf>
    <xf numFmtId="0" fontId="6" fillId="0" borderId="45" xfId="0" applyFont="1" applyFill="1" applyBorder="1" applyAlignment="1">
      <alignment vertical="center"/>
    </xf>
    <xf numFmtId="0" fontId="6" fillId="0" borderId="13" xfId="0" applyFont="1" applyFill="1" applyBorder="1" applyAlignment="1">
      <alignment vertical="center"/>
    </xf>
    <xf numFmtId="0" fontId="6" fillId="0" borderId="47" xfId="0" applyFont="1" applyFill="1" applyBorder="1" applyAlignment="1">
      <alignment vertical="center"/>
    </xf>
    <xf numFmtId="0" fontId="6" fillId="0" borderId="1" xfId="0" applyFont="1" applyFill="1" applyBorder="1" applyAlignment="1">
      <alignment vertical="center"/>
    </xf>
    <xf numFmtId="0" fontId="6" fillId="0" borderId="49" xfId="0" applyFont="1" applyFill="1" applyBorder="1" applyAlignment="1">
      <alignment vertical="center"/>
    </xf>
    <xf numFmtId="0" fontId="6" fillId="0" borderId="50" xfId="0" applyFont="1" applyFill="1" applyBorder="1" applyAlignment="1">
      <alignment vertical="center"/>
    </xf>
    <xf numFmtId="0" fontId="14" fillId="0" borderId="0" xfId="0" applyFont="1" applyFill="1" applyAlignment="1">
      <alignment vertical="center"/>
    </xf>
    <xf numFmtId="0" fontId="9" fillId="0" borderId="0" xfId="0" applyFont="1" applyFill="1" applyAlignment="1">
      <alignment vertical="center"/>
    </xf>
    <xf numFmtId="0" fontId="0" fillId="0" borderId="13" xfId="0" applyFont="1" applyFill="1" applyBorder="1" applyAlignment="1">
      <alignment vertical="center"/>
    </xf>
    <xf numFmtId="0" fontId="0" fillId="0" borderId="0" xfId="0" applyFont="1" applyFill="1" applyBorder="1" applyAlignment="1">
      <alignment vertical="center"/>
    </xf>
    <xf numFmtId="0" fontId="0" fillId="0" borderId="32" xfId="0" applyFont="1" applyFill="1" applyBorder="1" applyAlignment="1"/>
    <xf numFmtId="0" fontId="0" fillId="0" borderId="15" xfId="0" applyFont="1" applyFill="1" applyBorder="1" applyAlignment="1"/>
    <xf numFmtId="0" fontId="0" fillId="0" borderId="44" xfId="0" applyFont="1" applyFill="1" applyBorder="1" applyAlignment="1"/>
    <xf numFmtId="0" fontId="0" fillId="0" borderId="15" xfId="0" applyFont="1" applyFill="1" applyBorder="1" applyAlignment="1">
      <alignment vertical="center"/>
    </xf>
    <xf numFmtId="0" fontId="0" fillId="0" borderId="52" xfId="0" applyFont="1" applyFill="1" applyBorder="1" applyAlignment="1"/>
    <xf numFmtId="0" fontId="0" fillId="0" borderId="53" xfId="0" applyFont="1" applyFill="1" applyBorder="1" applyAlignment="1"/>
    <xf numFmtId="0" fontId="0" fillId="0" borderId="0" xfId="0" applyFont="1" applyFill="1" applyAlignment="1"/>
    <xf numFmtId="0" fontId="16" fillId="0" borderId="0" xfId="4" applyFont="1" applyFill="1"/>
    <xf numFmtId="0" fontId="0" fillId="0" borderId="0" xfId="4" applyFont="1" applyFill="1" applyAlignment="1">
      <alignment vertical="center"/>
    </xf>
    <xf numFmtId="0" fontId="6" fillId="0" borderId="0" xfId="0" applyFont="1" applyFill="1" applyAlignment="1"/>
    <xf numFmtId="0" fontId="6" fillId="0" borderId="0" xfId="0" applyFont="1" applyFill="1" applyBorder="1" applyAlignment="1"/>
    <xf numFmtId="0" fontId="6" fillId="0" borderId="4" xfId="0" applyFont="1" applyFill="1" applyBorder="1" applyAlignment="1"/>
    <xf numFmtId="0" fontId="6" fillId="0" borderId="5" xfId="0" applyFont="1" applyFill="1" applyBorder="1" applyAlignment="1"/>
    <xf numFmtId="0" fontId="6" fillId="0" borderId="41" xfId="0" applyFont="1" applyFill="1" applyBorder="1" applyAlignment="1"/>
    <xf numFmtId="0" fontId="6" fillId="0" borderId="16" xfId="0" applyFont="1" applyFill="1" applyBorder="1" applyAlignment="1"/>
    <xf numFmtId="0" fontId="6" fillId="0" borderId="19" xfId="0" applyFont="1" applyFill="1" applyBorder="1" applyAlignment="1"/>
    <xf numFmtId="0" fontId="6" fillId="0" borderId="17" xfId="0" applyFont="1" applyFill="1" applyBorder="1" applyAlignment="1"/>
    <xf numFmtId="0" fontId="6" fillId="0" borderId="17" xfId="0" applyFont="1" applyFill="1" applyBorder="1" applyAlignment="1">
      <alignment horizontal="right"/>
    </xf>
    <xf numFmtId="0" fontId="6" fillId="0" borderId="11" xfId="0" applyFont="1" applyFill="1" applyBorder="1" applyAlignment="1"/>
    <xf numFmtId="0" fontId="6" fillId="0" borderId="12" xfId="0" applyFont="1" applyFill="1" applyBorder="1" applyAlignment="1"/>
    <xf numFmtId="49" fontId="17" fillId="0" borderId="4" xfId="0" applyNumberFormat="1" applyFont="1" applyFill="1" applyBorder="1" applyAlignment="1">
      <alignment vertical="center"/>
    </xf>
    <xf numFmtId="0" fontId="6" fillId="0" borderId="5" xfId="0" applyFont="1" applyFill="1" applyBorder="1" applyAlignment="1">
      <alignment horizontal="center" vertical="center"/>
    </xf>
    <xf numFmtId="49" fontId="17" fillId="0" borderId="16" xfId="0" applyNumberFormat="1" applyFont="1" applyFill="1" applyBorder="1" applyAlignment="1">
      <alignment vertical="center"/>
    </xf>
    <xf numFmtId="0" fontId="6" fillId="0" borderId="19" xfId="0" applyFont="1" applyFill="1" applyBorder="1" applyAlignment="1">
      <alignment horizontal="center" vertical="center"/>
    </xf>
    <xf numFmtId="49" fontId="17" fillId="0" borderId="11" xfId="0" applyNumberFormat="1" applyFont="1" applyFill="1" applyBorder="1" applyAlignment="1">
      <alignment vertical="center"/>
    </xf>
    <xf numFmtId="0" fontId="6" fillId="0" borderId="12" xfId="0" applyFont="1" applyFill="1" applyBorder="1" applyAlignment="1">
      <alignment horizontal="center" vertical="center"/>
    </xf>
    <xf numFmtId="0" fontId="0" fillId="0" borderId="0" xfId="0" applyFill="1" applyAlignment="1"/>
    <xf numFmtId="0" fontId="6" fillId="0" borderId="15" xfId="0" applyFont="1" applyFill="1" applyBorder="1" applyAlignment="1">
      <alignment horizontal="center"/>
    </xf>
    <xf numFmtId="0" fontId="6" fillId="0" borderId="54" xfId="0" applyFont="1" applyFill="1" applyBorder="1" applyAlignment="1">
      <alignment horizontal="center"/>
    </xf>
    <xf numFmtId="0" fontId="6" fillId="0" borderId="38" xfId="0" applyFont="1" applyFill="1" applyBorder="1" applyAlignment="1"/>
    <xf numFmtId="0" fontId="6" fillId="0" borderId="57" xfId="0" applyFont="1" applyFill="1" applyBorder="1" applyAlignment="1"/>
    <xf numFmtId="0" fontId="6" fillId="0" borderId="40" xfId="0" applyFont="1" applyFill="1" applyBorder="1" applyAlignment="1"/>
    <xf numFmtId="0" fontId="6" fillId="0" borderId="55" xfId="0" applyFont="1" applyFill="1" applyBorder="1" applyAlignment="1"/>
    <xf numFmtId="0" fontId="6" fillId="0" borderId="42" xfId="0" applyFont="1" applyFill="1" applyBorder="1" applyAlignment="1"/>
    <xf numFmtId="0" fontId="6" fillId="0" borderId="33" xfId="0" applyFont="1" applyFill="1" applyBorder="1" applyAlignment="1"/>
    <xf numFmtId="0" fontId="6" fillId="0" borderId="36" xfId="0" applyFont="1" applyFill="1" applyBorder="1" applyAlignment="1"/>
    <xf numFmtId="0" fontId="6" fillId="0" borderId="56" xfId="0" applyFont="1" applyFill="1" applyBorder="1" applyAlignment="1"/>
    <xf numFmtId="0" fontId="6" fillId="0" borderId="35" xfId="0" applyFont="1" applyFill="1" applyBorder="1" applyAlignment="1"/>
    <xf numFmtId="0" fontId="6" fillId="0" borderId="37" xfId="0" applyFont="1" applyFill="1" applyBorder="1" applyAlignment="1"/>
    <xf numFmtId="0" fontId="6" fillId="0" borderId="39" xfId="0" applyFont="1" applyFill="1" applyBorder="1" applyAlignment="1"/>
    <xf numFmtId="0" fontId="6" fillId="0" borderId="45" xfId="0" applyFont="1" applyFill="1" applyBorder="1" applyAlignment="1"/>
    <xf numFmtId="0" fontId="6" fillId="0" borderId="13" xfId="0" applyFont="1" applyFill="1" applyBorder="1" applyAlignment="1"/>
    <xf numFmtId="0" fontId="6" fillId="0" borderId="58" xfId="0" applyFont="1" applyFill="1" applyBorder="1" applyAlignment="1"/>
    <xf numFmtId="0" fontId="6" fillId="0" borderId="46" xfId="0" applyFont="1" applyFill="1" applyBorder="1" applyAlignment="1"/>
    <xf numFmtId="0" fontId="6" fillId="0" borderId="59" xfId="0" applyFont="1" applyFill="1" applyBorder="1" applyAlignment="1"/>
    <xf numFmtId="0" fontId="6" fillId="0" borderId="47" xfId="0" applyFont="1" applyFill="1" applyBorder="1" applyAlignment="1"/>
    <xf numFmtId="0" fontId="6" fillId="0" borderId="2" xfId="0" applyFont="1" applyFill="1" applyBorder="1" applyAlignment="1"/>
    <xf numFmtId="0" fontId="6" fillId="0" borderId="34" xfId="0" applyFont="1" applyFill="1" applyBorder="1" applyAlignment="1"/>
    <xf numFmtId="0" fontId="6" fillId="0" borderId="40" xfId="0" applyFont="1" applyFill="1" applyBorder="1" applyAlignment="1">
      <alignment horizontal="center"/>
    </xf>
    <xf numFmtId="0" fontId="6" fillId="0" borderId="42" xfId="0" applyFont="1" applyFill="1" applyBorder="1" applyAlignment="1">
      <alignment horizontal="right"/>
    </xf>
    <xf numFmtId="0" fontId="6" fillId="0" borderId="15" xfId="0" applyFont="1" applyFill="1" applyBorder="1" applyAlignment="1"/>
    <xf numFmtId="0" fontId="6" fillId="0" borderId="43" xfId="0" applyFont="1" applyFill="1" applyBorder="1" applyAlignment="1"/>
    <xf numFmtId="0" fontId="6" fillId="0" borderId="46" xfId="0" applyFont="1" applyFill="1" applyBorder="1" applyAlignment="1">
      <alignment horizontal="center"/>
    </xf>
    <xf numFmtId="0" fontId="6" fillId="0" borderId="47" xfId="0" applyFont="1" applyFill="1" applyBorder="1" applyAlignment="1">
      <alignment horizontal="right"/>
    </xf>
    <xf numFmtId="0" fontId="6" fillId="0" borderId="30" xfId="0" applyFont="1" applyFill="1" applyBorder="1" applyAlignment="1"/>
    <xf numFmtId="0" fontId="6" fillId="0" borderId="25" xfId="0" applyFont="1" applyFill="1" applyBorder="1" applyAlignment="1"/>
    <xf numFmtId="0" fontId="6" fillId="0" borderId="32" xfId="0" applyFont="1" applyFill="1" applyBorder="1" applyAlignment="1"/>
    <xf numFmtId="0" fontId="6" fillId="0" borderId="44" xfId="0" applyFont="1" applyFill="1" applyBorder="1" applyAlignment="1"/>
    <xf numFmtId="0" fontId="2" fillId="0" borderId="0" xfId="5" applyFill="1"/>
    <xf numFmtId="0" fontId="18" fillId="0" borderId="0" xfId="5" applyFont="1" applyFill="1" applyAlignment="1">
      <alignment vertical="center"/>
    </xf>
    <xf numFmtId="0" fontId="2" fillId="0" borderId="0" xfId="5" applyFill="1" applyBorder="1"/>
    <xf numFmtId="0" fontId="2" fillId="0" borderId="0" xfId="5" applyFont="1" applyFill="1" applyBorder="1" applyAlignment="1">
      <alignment horizontal="center" vertical="center"/>
    </xf>
    <xf numFmtId="0" fontId="2" fillId="0" borderId="0" xfId="5" applyFont="1" applyFill="1" applyBorder="1" applyAlignment="1">
      <alignment horizontal="left" vertical="center"/>
    </xf>
    <xf numFmtId="0" fontId="2" fillId="0" borderId="0" xfId="5" applyFont="1" applyFill="1" applyBorder="1" applyAlignment="1">
      <alignment vertical="center"/>
    </xf>
    <xf numFmtId="0" fontId="2" fillId="0" borderId="0" xfId="5" applyFont="1" applyFill="1" applyBorder="1"/>
    <xf numFmtId="0" fontId="0" fillId="0" borderId="0" xfId="5" applyFont="1" applyFill="1" applyAlignment="1">
      <alignment vertical="center"/>
    </xf>
    <xf numFmtId="0" fontId="10" fillId="0" borderId="0" xfId="5" applyFont="1" applyFill="1"/>
    <xf numFmtId="0" fontId="6" fillId="0" borderId="2" xfId="5" applyFont="1" applyFill="1" applyBorder="1" applyAlignment="1">
      <alignment vertical="center"/>
    </xf>
    <xf numFmtId="0" fontId="6" fillId="0" borderId="31" xfId="5" applyFont="1" applyFill="1" applyBorder="1" applyAlignment="1">
      <alignment vertical="center"/>
    </xf>
    <xf numFmtId="0" fontId="6" fillId="0" borderId="17" xfId="5" applyFont="1" applyFill="1" applyBorder="1" applyAlignment="1">
      <alignment vertical="center"/>
    </xf>
    <xf numFmtId="0" fontId="6" fillId="0" borderId="7" xfId="5" applyFont="1" applyFill="1" applyBorder="1" applyAlignment="1">
      <alignment vertical="center"/>
    </xf>
    <xf numFmtId="0" fontId="10" fillId="0" borderId="1" xfId="5" applyFont="1" applyFill="1" applyBorder="1" applyAlignment="1">
      <alignment vertical="center"/>
    </xf>
    <xf numFmtId="0" fontId="10" fillId="0" borderId="3" xfId="5" applyFont="1" applyFill="1" applyBorder="1" applyAlignment="1">
      <alignment vertical="center"/>
    </xf>
    <xf numFmtId="0" fontId="10" fillId="0" borderId="4" xfId="5" applyFont="1" applyFill="1" applyBorder="1" applyAlignment="1">
      <alignment vertical="center"/>
    </xf>
    <xf numFmtId="0" fontId="10" fillId="0" borderId="2" xfId="5" applyFont="1" applyFill="1" applyBorder="1" applyAlignment="1">
      <alignment vertical="center"/>
    </xf>
    <xf numFmtId="0" fontId="10" fillId="0" borderId="5" xfId="5" applyFont="1" applyFill="1" applyBorder="1" applyAlignment="1">
      <alignment vertical="center"/>
    </xf>
    <xf numFmtId="0" fontId="10" fillId="0" borderId="23" xfId="5" applyFont="1" applyFill="1" applyBorder="1" applyAlignment="1">
      <alignment vertical="center"/>
    </xf>
    <xf numFmtId="0" fontId="10" fillId="0" borderId="21" xfId="5" applyFont="1" applyFill="1" applyBorder="1" applyAlignment="1">
      <alignment vertical="center"/>
    </xf>
    <xf numFmtId="0" fontId="10" fillId="0" borderId="16" xfId="5" applyFont="1" applyFill="1" applyBorder="1" applyAlignment="1">
      <alignment vertical="center"/>
    </xf>
    <xf numFmtId="0" fontId="10" fillId="0" borderId="17" xfId="5" applyFont="1" applyFill="1" applyBorder="1" applyAlignment="1">
      <alignment vertical="center"/>
    </xf>
    <xf numFmtId="0" fontId="10" fillId="0" borderId="19" xfId="5" applyFont="1" applyFill="1" applyBorder="1" applyAlignment="1">
      <alignment vertical="center"/>
    </xf>
    <xf numFmtId="0" fontId="10" fillId="0" borderId="34" xfId="5" applyFont="1" applyFill="1" applyBorder="1" applyAlignment="1">
      <alignment vertical="center"/>
    </xf>
    <xf numFmtId="0" fontId="10" fillId="0" borderId="36" xfId="5" applyFont="1" applyFill="1" applyBorder="1" applyAlignment="1">
      <alignment vertical="center"/>
    </xf>
    <xf numFmtId="0" fontId="10" fillId="0" borderId="37" xfId="5" applyFont="1" applyFill="1" applyBorder="1" applyAlignment="1">
      <alignment vertical="center"/>
    </xf>
    <xf numFmtId="0" fontId="10" fillId="0" borderId="41" xfId="5" applyFont="1" applyFill="1" applyBorder="1" applyAlignment="1">
      <alignment vertical="center"/>
    </xf>
    <xf numFmtId="0" fontId="10" fillId="0" borderId="42" xfId="5" applyFont="1" applyFill="1" applyBorder="1" applyAlignment="1">
      <alignment vertical="center"/>
    </xf>
    <xf numFmtId="0" fontId="10" fillId="0" borderId="0" xfId="5" applyFont="1" applyFill="1" applyBorder="1" applyAlignment="1">
      <alignment vertical="center"/>
    </xf>
    <xf numFmtId="0" fontId="10" fillId="0" borderId="44" xfId="5" applyFont="1" applyFill="1" applyBorder="1" applyAlignment="1">
      <alignment vertical="center"/>
    </xf>
    <xf numFmtId="0" fontId="10" fillId="0" borderId="13" xfId="5" applyFont="1" applyFill="1" applyBorder="1" applyAlignment="1">
      <alignment vertical="center"/>
    </xf>
    <xf numFmtId="0" fontId="10" fillId="0" borderId="47" xfId="5" applyFont="1" applyFill="1" applyBorder="1" applyAlignment="1">
      <alignment vertical="center"/>
    </xf>
    <xf numFmtId="0" fontId="7" fillId="0" borderId="0" xfId="5" applyFont="1" applyFill="1" applyBorder="1"/>
    <xf numFmtId="0" fontId="7" fillId="0" borderId="0" xfId="5" applyFont="1" applyFill="1"/>
    <xf numFmtId="0" fontId="10" fillId="0" borderId="0" xfId="0" applyFont="1" applyFill="1" applyAlignment="1">
      <alignment vertical="top"/>
    </xf>
    <xf numFmtId="0" fontId="2" fillId="0" borderId="0" xfId="3" applyFont="1" applyFill="1"/>
    <xf numFmtId="0" fontId="2" fillId="0" borderId="0" xfId="3" applyFont="1" applyFill="1" applyBorder="1"/>
    <xf numFmtId="0" fontId="6" fillId="0" borderId="0" xfId="3" applyFont="1" applyFill="1" applyBorder="1"/>
    <xf numFmtId="0" fontId="6" fillId="0" borderId="30" xfId="3" applyFont="1" applyFill="1" applyBorder="1"/>
    <xf numFmtId="0" fontId="6" fillId="0" borderId="25" xfId="3" applyFont="1" applyFill="1" applyBorder="1"/>
    <xf numFmtId="0" fontId="6" fillId="0" borderId="32" xfId="3" applyFont="1" applyFill="1" applyBorder="1"/>
    <xf numFmtId="0" fontId="6" fillId="0" borderId="15" xfId="3" applyFont="1" applyFill="1" applyBorder="1"/>
    <xf numFmtId="0" fontId="6" fillId="0" borderId="44" xfId="3" applyFont="1" applyFill="1" applyBorder="1"/>
    <xf numFmtId="0" fontId="6" fillId="0" borderId="45" xfId="3" applyFont="1" applyFill="1" applyBorder="1"/>
    <xf numFmtId="0" fontId="6" fillId="0" borderId="13" xfId="3" applyFont="1" applyFill="1" applyBorder="1"/>
    <xf numFmtId="0" fontId="6" fillId="0" borderId="47" xfId="3" applyFont="1" applyFill="1" applyBorder="1"/>
    <xf numFmtId="0" fontId="6" fillId="0" borderId="25" xfId="3" applyFont="1" applyFill="1" applyBorder="1" applyAlignment="1">
      <alignment vertical="center"/>
    </xf>
    <xf numFmtId="0" fontId="6" fillId="0" borderId="32" xfId="3" applyFont="1" applyFill="1" applyBorder="1" applyAlignment="1">
      <alignment vertical="center"/>
    </xf>
    <xf numFmtId="0" fontId="2" fillId="0" borderId="0" xfId="3" applyFont="1" applyFill="1" applyBorder="1" applyAlignment="1">
      <alignment horizontal="left"/>
    </xf>
    <xf numFmtId="0" fontId="6" fillId="0" borderId="43" xfId="3" applyFont="1" applyFill="1" applyBorder="1"/>
    <xf numFmtId="0" fontId="6" fillId="0" borderId="55" xfId="3" applyFont="1" applyFill="1" applyBorder="1"/>
    <xf numFmtId="0" fontId="6" fillId="0" borderId="46" xfId="3" applyFont="1" applyFill="1" applyBorder="1"/>
    <xf numFmtId="0" fontId="6" fillId="0" borderId="59" xfId="3" applyFont="1" applyFill="1" applyBorder="1"/>
    <xf numFmtId="0" fontId="2" fillId="0" borderId="0" xfId="7" applyFont="1" applyFill="1"/>
    <xf numFmtId="0" fontId="2" fillId="0" borderId="0" xfId="7" applyFill="1"/>
    <xf numFmtId="0" fontId="2" fillId="0" borderId="31" xfId="7" applyFont="1" applyFill="1" applyBorder="1" applyAlignment="1">
      <alignment vertical="center"/>
    </xf>
    <xf numFmtId="0" fontId="2" fillId="0" borderId="74" xfId="7" applyFont="1" applyFill="1" applyBorder="1" applyAlignment="1">
      <alignment horizontal="right" vertical="center"/>
    </xf>
    <xf numFmtId="0" fontId="2" fillId="0" borderId="0" xfId="7" applyFont="1" applyFill="1" applyBorder="1" applyAlignment="1">
      <alignment vertical="center"/>
    </xf>
    <xf numFmtId="0" fontId="2" fillId="0" borderId="24" xfId="7" applyFont="1" applyFill="1" applyBorder="1" applyAlignment="1">
      <alignment horizontal="right" vertical="center"/>
    </xf>
    <xf numFmtId="0" fontId="2" fillId="0" borderId="18" xfId="7" applyFont="1" applyFill="1" applyBorder="1" applyAlignment="1">
      <alignment vertical="center"/>
    </xf>
    <xf numFmtId="0" fontId="2" fillId="0" borderId="19" xfId="7" applyFont="1" applyFill="1" applyBorder="1" applyAlignment="1">
      <alignment horizontal="right" vertical="center"/>
    </xf>
    <xf numFmtId="0" fontId="2" fillId="0" borderId="57" xfId="7" applyFont="1" applyFill="1" applyBorder="1" applyAlignment="1">
      <alignment vertical="center"/>
    </xf>
    <xf numFmtId="0" fontId="2" fillId="0" borderId="0" xfId="7" applyFill="1" applyBorder="1" applyAlignment="1">
      <alignment vertical="center"/>
    </xf>
    <xf numFmtId="0" fontId="2" fillId="0" borderId="42" xfId="7" applyFill="1" applyBorder="1" applyAlignment="1">
      <alignment vertical="center"/>
    </xf>
    <xf numFmtId="0" fontId="2" fillId="0" borderId="21" xfId="7" applyFill="1" applyBorder="1" applyAlignment="1">
      <alignment vertical="center"/>
    </xf>
    <xf numFmtId="0" fontId="2" fillId="0" borderId="4" xfId="7" applyFill="1" applyBorder="1" applyAlignment="1">
      <alignment vertical="center"/>
    </xf>
    <xf numFmtId="0" fontId="2" fillId="0" borderId="14" xfId="7" applyFont="1" applyFill="1" applyBorder="1" applyAlignment="1">
      <alignment vertical="center"/>
    </xf>
    <xf numFmtId="0" fontId="2" fillId="0" borderId="23" xfId="7" applyFont="1" applyFill="1" applyBorder="1" applyAlignment="1">
      <alignment vertical="center"/>
    </xf>
    <xf numFmtId="0" fontId="2" fillId="0" borderId="87" xfId="7" applyFill="1" applyBorder="1"/>
    <xf numFmtId="0" fontId="2" fillId="0" borderId="45" xfId="7" applyFont="1" applyFill="1" applyBorder="1" applyAlignment="1">
      <alignment vertical="center"/>
    </xf>
    <xf numFmtId="0" fontId="2" fillId="0" borderId="13" xfId="7" applyFill="1" applyBorder="1" applyAlignment="1">
      <alignment vertical="center"/>
    </xf>
    <xf numFmtId="0" fontId="6" fillId="0" borderId="66" xfId="0" applyFont="1" applyFill="1" applyBorder="1" applyAlignment="1"/>
    <xf numFmtId="0" fontId="2" fillId="0" borderId="67" xfId="7" applyFill="1" applyBorder="1"/>
    <xf numFmtId="0" fontId="2" fillId="0" borderId="44" xfId="7" applyFill="1" applyBorder="1"/>
    <xf numFmtId="0" fontId="2" fillId="0" borderId="47" xfId="7" applyFill="1" applyBorder="1"/>
    <xf numFmtId="0" fontId="6" fillId="0" borderId="2" xfId="0" applyFont="1" applyFill="1" applyBorder="1" applyAlignment="1">
      <alignment horizontal="left" vertical="center"/>
    </xf>
    <xf numFmtId="0" fontId="6" fillId="0" borderId="7" xfId="0" applyFont="1" applyFill="1" applyBorder="1" applyAlignment="1">
      <alignment horizontal="left" vertical="center"/>
    </xf>
    <xf numFmtId="0" fontId="6" fillId="0" borderId="11" xfId="0" applyFont="1" applyFill="1" applyBorder="1" applyAlignment="1">
      <alignment vertical="center"/>
    </xf>
    <xf numFmtId="0" fontId="6" fillId="0" borderId="12" xfId="0" applyFont="1" applyFill="1" applyBorder="1" applyAlignment="1">
      <alignment vertical="center"/>
    </xf>
    <xf numFmtId="0" fontId="6" fillId="0" borderId="60" xfId="0" applyFont="1" applyFill="1" applyBorder="1" applyAlignment="1">
      <alignment vertical="center"/>
    </xf>
    <xf numFmtId="0" fontId="6" fillId="0" borderId="95" xfId="0" applyFont="1" applyFill="1" applyBorder="1" applyAlignment="1">
      <alignment vertical="center"/>
    </xf>
    <xf numFmtId="0" fontId="6" fillId="0" borderId="21" xfId="0" applyFont="1" applyFill="1" applyBorder="1" applyAlignment="1"/>
    <xf numFmtId="0" fontId="6" fillId="0" borderId="73" xfId="0" applyFont="1" applyFill="1" applyBorder="1" applyAlignment="1"/>
    <xf numFmtId="0" fontId="6" fillId="0" borderId="73" xfId="0" applyFont="1" applyFill="1" applyBorder="1" applyAlignment="1">
      <alignment horizontal="center"/>
    </xf>
    <xf numFmtId="0" fontId="6" fillId="0" borderId="31" xfId="0" applyFont="1" applyFill="1" applyBorder="1" applyAlignment="1"/>
    <xf numFmtId="0" fontId="6" fillId="0" borderId="18" xfId="0" applyFont="1" applyFill="1" applyBorder="1" applyAlignment="1">
      <alignment horizontal="center" vertical="center"/>
    </xf>
    <xf numFmtId="0" fontId="6" fillId="0" borderId="57" xfId="0" applyFont="1" applyFill="1" applyBorder="1" applyAlignment="1">
      <alignment horizontal="center"/>
    </xf>
    <xf numFmtId="0" fontId="6" fillId="0" borderId="54" xfId="0" applyFont="1" applyFill="1" applyBorder="1" applyAlignment="1"/>
    <xf numFmtId="0" fontId="6" fillId="0" borderId="91" xfId="0" applyFont="1" applyFill="1" applyBorder="1" applyAlignment="1"/>
    <xf numFmtId="0" fontId="6" fillId="0" borderId="93" xfId="0" applyFont="1" applyFill="1" applyBorder="1" applyAlignment="1"/>
    <xf numFmtId="0" fontId="6" fillId="0" borderId="92" xfId="0" applyFont="1" applyFill="1" applyBorder="1" applyAlignment="1"/>
    <xf numFmtId="0" fontId="6" fillId="0" borderId="101" xfId="0" applyFont="1" applyFill="1" applyBorder="1" applyAlignment="1"/>
    <xf numFmtId="0" fontId="6" fillId="0" borderId="102" xfId="0" applyFont="1" applyFill="1" applyBorder="1" applyAlignment="1"/>
    <xf numFmtId="0" fontId="6" fillId="0" borderId="105" xfId="0" applyFont="1" applyFill="1" applyBorder="1" applyAlignment="1"/>
    <xf numFmtId="0" fontId="6" fillId="0" borderId="106" xfId="0" applyFont="1" applyFill="1" applyBorder="1" applyAlignment="1"/>
    <xf numFmtId="0" fontId="6" fillId="0" borderId="7" xfId="0" applyFont="1" applyFill="1" applyBorder="1" applyAlignment="1"/>
    <xf numFmtId="0" fontId="6" fillId="0" borderId="18" xfId="0" applyFont="1" applyFill="1" applyBorder="1" applyAlignment="1"/>
    <xf numFmtId="0" fontId="6" fillId="0" borderId="8" xfId="0" applyFont="1" applyFill="1" applyBorder="1" applyAlignment="1"/>
    <xf numFmtId="0" fontId="6" fillId="0" borderId="0" xfId="0" applyFont="1" applyFill="1" applyBorder="1" applyAlignment="1">
      <alignment horizontal="left" vertical="center"/>
    </xf>
    <xf numFmtId="0" fontId="6" fillId="0" borderId="0" xfId="8" applyNumberFormat="1" applyFont="1" applyFill="1"/>
    <xf numFmtId="0" fontId="6" fillId="0" borderId="0" xfId="8" applyFont="1" applyFill="1"/>
    <xf numFmtId="0" fontId="10" fillId="0" borderId="0" xfId="8" applyFont="1" applyFill="1"/>
    <xf numFmtId="0" fontId="6" fillId="0" borderId="0" xfId="8" applyNumberFormat="1" applyFont="1" applyFill="1" applyBorder="1" applyAlignment="1">
      <alignment vertical="center"/>
    </xf>
    <xf numFmtId="0" fontId="6" fillId="0" borderId="110" xfId="8" applyNumberFormat="1" applyFont="1" applyFill="1" applyBorder="1" applyAlignment="1">
      <alignment horizontal="right" vertical="center"/>
    </xf>
    <xf numFmtId="176" fontId="6" fillId="0" borderId="110" xfId="8" applyNumberFormat="1" applyFont="1" applyFill="1" applyBorder="1" applyAlignment="1">
      <alignment horizontal="center" vertical="center"/>
    </xf>
    <xf numFmtId="176" fontId="6" fillId="0" borderId="111" xfId="8" applyNumberFormat="1" applyFont="1" applyFill="1" applyBorder="1" applyAlignment="1">
      <alignment horizontal="center" vertical="center"/>
    </xf>
    <xf numFmtId="177" fontId="6" fillId="0" borderId="111" xfId="8" applyNumberFormat="1" applyFont="1" applyFill="1" applyBorder="1" applyAlignment="1">
      <alignment horizontal="center" vertical="center"/>
    </xf>
    <xf numFmtId="176" fontId="6" fillId="0" borderId="113" xfId="8" applyNumberFormat="1" applyFont="1" applyFill="1" applyBorder="1" applyAlignment="1">
      <alignment horizontal="center" vertical="center"/>
    </xf>
    <xf numFmtId="0" fontId="6" fillId="0" borderId="41" xfId="8" applyNumberFormat="1" applyFont="1" applyFill="1" applyBorder="1" applyAlignment="1">
      <alignment vertical="center"/>
    </xf>
    <xf numFmtId="0" fontId="6" fillId="0" borderId="90" xfId="8" applyNumberFormat="1" applyFont="1" applyFill="1" applyBorder="1" applyAlignment="1">
      <alignment horizontal="center" vertical="center"/>
    </xf>
    <xf numFmtId="0" fontId="6" fillId="0" borderId="13" xfId="8" applyNumberFormat="1" applyFont="1" applyFill="1" applyBorder="1" applyAlignment="1">
      <alignment vertical="center"/>
    </xf>
    <xf numFmtId="0" fontId="6" fillId="0" borderId="46" xfId="8" applyNumberFormat="1" applyFont="1" applyFill="1" applyBorder="1" applyAlignment="1">
      <alignment horizontal="center" vertical="center"/>
    </xf>
    <xf numFmtId="0" fontId="6" fillId="0" borderId="99" xfId="8" applyNumberFormat="1" applyFont="1" applyFill="1" applyBorder="1" applyAlignment="1">
      <alignment horizontal="center" vertical="center"/>
    </xf>
    <xf numFmtId="0" fontId="6" fillId="0" borderId="0" xfId="8" applyNumberFormat="1" applyFont="1" applyFill="1" applyBorder="1"/>
    <xf numFmtId="0" fontId="6" fillId="0" borderId="25" xfId="8" applyNumberFormat="1" applyFont="1" applyFill="1" applyBorder="1"/>
    <xf numFmtId="0" fontId="6" fillId="0" borderId="0" xfId="8" applyFont="1" applyFill="1" applyAlignment="1">
      <alignment horizontal="center"/>
    </xf>
    <xf numFmtId="0" fontId="10" fillId="0" borderId="0" xfId="8" applyNumberFormat="1" applyFont="1" applyFill="1"/>
    <xf numFmtId="0" fontId="6" fillId="0" borderId="0" xfId="8" applyNumberFormat="1" applyFont="1" applyFill="1" applyBorder="1" applyAlignment="1">
      <alignment horizontal="center" vertical="center"/>
    </xf>
    <xf numFmtId="0" fontId="6" fillId="0" borderId="114" xfId="8" applyNumberFormat="1" applyFont="1" applyFill="1" applyBorder="1" applyAlignment="1">
      <alignment horizontal="right" vertical="center"/>
    </xf>
    <xf numFmtId="0" fontId="6" fillId="0" borderId="57" xfId="8" applyNumberFormat="1" applyFont="1" applyFill="1" applyBorder="1" applyAlignment="1">
      <alignment vertical="center"/>
    </xf>
    <xf numFmtId="0" fontId="6" fillId="0" borderId="40" xfId="8" applyNumberFormat="1" applyFont="1" applyFill="1" applyBorder="1" applyAlignment="1">
      <alignment vertical="center"/>
    </xf>
    <xf numFmtId="0" fontId="6" fillId="0" borderId="90" xfId="8" applyNumberFormat="1" applyFont="1" applyFill="1" applyBorder="1" applyAlignment="1">
      <alignment vertical="center"/>
    </xf>
    <xf numFmtId="0" fontId="6" fillId="0" borderId="46" xfId="8" applyNumberFormat="1" applyFont="1" applyFill="1" applyBorder="1" applyAlignment="1">
      <alignment vertical="center"/>
    </xf>
    <xf numFmtId="0" fontId="6" fillId="0" borderId="99" xfId="8" applyNumberFormat="1" applyFont="1" applyFill="1" applyBorder="1" applyAlignment="1">
      <alignment vertical="center"/>
    </xf>
    <xf numFmtId="0" fontId="6" fillId="0" borderId="0" xfId="8" applyNumberFormat="1" applyFont="1" applyFill="1" applyAlignment="1">
      <alignment horizontal="right"/>
    </xf>
    <xf numFmtId="0" fontId="6" fillId="0" borderId="2" xfId="8" applyNumberFormat="1" applyFont="1" applyFill="1" applyBorder="1"/>
    <xf numFmtId="0" fontId="6" fillId="0" borderId="2" xfId="8" applyNumberFormat="1" applyFont="1" applyFill="1" applyBorder="1" applyAlignment="1">
      <alignment vertical="center"/>
    </xf>
    <xf numFmtId="0" fontId="6" fillId="0" borderId="3" xfId="8" applyNumberFormat="1" applyFont="1" applyFill="1" applyBorder="1" applyAlignment="1">
      <alignment vertical="center"/>
    </xf>
    <xf numFmtId="0" fontId="10" fillId="0" borderId="17" xfId="8" applyNumberFormat="1" applyFont="1" applyFill="1" applyBorder="1" applyAlignment="1">
      <alignment horizontal="center" vertical="center"/>
    </xf>
    <xf numFmtId="0" fontId="10" fillId="0" borderId="40" xfId="8" applyNumberFormat="1" applyFont="1" applyFill="1" applyBorder="1" applyAlignment="1">
      <alignment horizontal="center" vertical="center"/>
    </xf>
    <xf numFmtId="0" fontId="6" fillId="0" borderId="39" xfId="8" applyNumberFormat="1" applyFont="1" applyFill="1" applyBorder="1"/>
    <xf numFmtId="0" fontId="10" fillId="0" borderId="18" xfId="8" applyNumberFormat="1" applyFont="1" applyFill="1" applyBorder="1"/>
    <xf numFmtId="0" fontId="6" fillId="0" borderId="24" xfId="8" applyNumberFormat="1" applyFont="1" applyFill="1" applyBorder="1" applyAlignment="1">
      <alignment vertical="center"/>
    </xf>
    <xf numFmtId="0" fontId="6" fillId="0" borderId="21" xfId="8" applyNumberFormat="1" applyFont="1" applyFill="1" applyBorder="1"/>
    <xf numFmtId="0" fontId="6" fillId="0" borderId="8" xfId="8" applyNumberFormat="1" applyFont="1" applyFill="1" applyBorder="1"/>
    <xf numFmtId="0" fontId="10" fillId="0" borderId="29" xfId="8" applyNumberFormat="1" applyFont="1" applyFill="1" applyBorder="1"/>
    <xf numFmtId="0" fontId="6" fillId="0" borderId="25" xfId="8" applyNumberFormat="1" applyFont="1" applyFill="1" applyBorder="1" applyAlignment="1">
      <alignment horizontal="center"/>
    </xf>
    <xf numFmtId="0" fontId="6" fillId="0" borderId="41" xfId="8" applyNumberFormat="1" applyFont="1" applyFill="1" applyBorder="1" applyAlignment="1">
      <alignment horizontal="center"/>
    </xf>
    <xf numFmtId="0" fontId="6" fillId="0" borderId="16" xfId="8" applyNumberFormat="1" applyFont="1" applyFill="1" applyBorder="1" applyAlignment="1">
      <alignment vertical="center"/>
    </xf>
    <xf numFmtId="0" fontId="6" fillId="0" borderId="21" xfId="8" applyNumberFormat="1" applyFont="1" applyFill="1" applyBorder="1" applyAlignment="1">
      <alignment horizontal="right"/>
    </xf>
    <xf numFmtId="0" fontId="6" fillId="0" borderId="19" xfId="8" applyNumberFormat="1" applyFont="1" applyFill="1" applyBorder="1"/>
    <xf numFmtId="0" fontId="6" fillId="0" borderId="19" xfId="8" applyNumberFormat="1" applyFont="1" applyFill="1" applyBorder="1" applyAlignment="1">
      <alignment horizontal="right"/>
    </xf>
    <xf numFmtId="0" fontId="6" fillId="0" borderId="8" xfId="8" applyNumberFormat="1" applyFont="1" applyFill="1" applyBorder="1" applyAlignment="1">
      <alignment horizontal="right"/>
    </xf>
    <xf numFmtId="0" fontId="6" fillId="0" borderId="47" xfId="8" applyNumberFormat="1" applyFont="1" applyFill="1" applyBorder="1" applyAlignment="1">
      <alignment horizontal="right"/>
    </xf>
    <xf numFmtId="0" fontId="6" fillId="0" borderId="35" xfId="8" applyNumberFormat="1" applyFont="1" applyFill="1" applyBorder="1" applyAlignment="1">
      <alignment vertical="center"/>
    </xf>
    <xf numFmtId="0" fontId="6" fillId="0" borderId="34" xfId="8" applyNumberFormat="1" applyFont="1" applyFill="1" applyBorder="1"/>
    <xf numFmtId="0" fontId="6" fillId="0" borderId="37" xfId="8" applyNumberFormat="1" applyFont="1" applyFill="1" applyBorder="1"/>
    <xf numFmtId="0" fontId="6" fillId="0" borderId="11" xfId="8" applyNumberFormat="1" applyFont="1" applyFill="1" applyBorder="1" applyAlignment="1">
      <alignment vertical="center"/>
    </xf>
    <xf numFmtId="0" fontId="6" fillId="0" borderId="12" xfId="8" applyNumberFormat="1" applyFont="1" applyFill="1" applyBorder="1"/>
    <xf numFmtId="0" fontId="5" fillId="0" borderId="15" xfId="0" applyFont="1" applyFill="1" applyBorder="1" applyAlignment="1">
      <alignment horizontal="center" vertical="center"/>
    </xf>
    <xf numFmtId="0" fontId="6" fillId="0" borderId="18" xfId="8" applyNumberFormat="1" applyFont="1" applyFill="1" applyBorder="1" applyAlignment="1">
      <alignment horizontal="center" vertical="center"/>
    </xf>
    <xf numFmtId="0" fontId="6" fillId="0" borderId="18" xfId="8" applyFont="1" applyFill="1" applyBorder="1" applyAlignment="1">
      <alignment horizontal="center" vertical="center"/>
    </xf>
    <xf numFmtId="0" fontId="6" fillId="0" borderId="55" xfId="8" applyNumberFormat="1" applyFont="1" applyFill="1" applyBorder="1" applyAlignment="1">
      <alignment vertical="center"/>
    </xf>
    <xf numFmtId="0" fontId="6" fillId="0" borderId="54" xfId="8" applyNumberFormat="1" applyFont="1" applyFill="1" applyBorder="1" applyAlignment="1">
      <alignment vertical="center"/>
    </xf>
    <xf numFmtId="0" fontId="6" fillId="0" borderId="54" xfId="8" applyNumberFormat="1" applyFont="1" applyFill="1" applyBorder="1"/>
    <xf numFmtId="0" fontId="5" fillId="0" borderId="34" xfId="0" applyFont="1" applyFill="1" applyBorder="1" applyAlignment="1"/>
    <xf numFmtId="0" fontId="5" fillId="0" borderId="37" xfId="0" applyFont="1" applyFill="1" applyBorder="1" applyAlignment="1"/>
    <xf numFmtId="0" fontId="6" fillId="0" borderId="39" xfId="8" applyNumberFormat="1" applyFont="1" applyFill="1" applyBorder="1" applyAlignment="1">
      <alignment vertical="center"/>
    </xf>
    <xf numFmtId="0" fontId="6" fillId="0" borderId="57" xfId="8" applyNumberFormat="1" applyFont="1" applyFill="1" applyBorder="1"/>
    <xf numFmtId="0" fontId="5" fillId="0" borderId="42" xfId="0" applyFont="1" applyFill="1" applyBorder="1" applyAlignment="1"/>
    <xf numFmtId="0" fontId="6" fillId="0" borderId="34" xfId="8" applyNumberFormat="1" applyFont="1" applyFill="1" applyBorder="1" applyAlignment="1">
      <alignment vertical="center"/>
    </xf>
    <xf numFmtId="0" fontId="6" fillId="0" borderId="56" xfId="8" applyNumberFormat="1" applyFont="1" applyFill="1" applyBorder="1" applyAlignment="1">
      <alignment vertical="center"/>
    </xf>
    <xf numFmtId="0" fontId="6" fillId="0" borderId="56" xfId="8" applyNumberFormat="1" applyFont="1" applyFill="1" applyBorder="1"/>
    <xf numFmtId="0" fontId="6" fillId="0" borderId="43" xfId="8" applyNumberFormat="1" applyFont="1" applyFill="1" applyBorder="1" applyAlignment="1"/>
    <xf numFmtId="0" fontId="5" fillId="0" borderId="0" xfId="0" applyFont="1" applyFill="1" applyBorder="1" applyAlignment="1"/>
    <xf numFmtId="0" fontId="5" fillId="0" borderId="55" xfId="0" applyFont="1" applyFill="1" applyBorder="1" applyAlignment="1"/>
    <xf numFmtId="0" fontId="5" fillId="0" borderId="44" xfId="0" applyFont="1" applyFill="1" applyBorder="1" applyAlignment="1"/>
    <xf numFmtId="0" fontId="6" fillId="0" borderId="59" xfId="8" applyNumberFormat="1" applyFont="1" applyFill="1" applyBorder="1" applyAlignment="1">
      <alignment vertical="center"/>
    </xf>
    <xf numFmtId="0" fontId="6" fillId="0" borderId="58" xfId="8" applyNumberFormat="1" applyFont="1" applyFill="1" applyBorder="1" applyAlignment="1">
      <alignment vertical="center"/>
    </xf>
    <xf numFmtId="0" fontId="6" fillId="0" borderId="58" xfId="8" applyNumberFormat="1" applyFont="1" applyFill="1" applyBorder="1"/>
    <xf numFmtId="0" fontId="5" fillId="0" borderId="59" xfId="0" applyFont="1" applyFill="1" applyBorder="1" applyAlignment="1"/>
    <xf numFmtId="0" fontId="5" fillId="0" borderId="47" xfId="0" applyFont="1" applyFill="1" applyBorder="1" applyAlignment="1"/>
    <xf numFmtId="0" fontId="5" fillId="0" borderId="15" xfId="0" applyFont="1" applyFill="1" applyBorder="1" applyAlignment="1"/>
    <xf numFmtId="0" fontId="5" fillId="0" borderId="35" xfId="0" applyFont="1" applyFill="1" applyBorder="1" applyAlignment="1"/>
    <xf numFmtId="0" fontId="6" fillId="0" borderId="15" xfId="8" applyFont="1" applyFill="1" applyBorder="1"/>
    <xf numFmtId="0" fontId="6" fillId="0" borderId="0" xfId="8" applyFont="1" applyFill="1" applyBorder="1"/>
    <xf numFmtId="0" fontId="6" fillId="0" borderId="43" xfId="8" applyFont="1" applyFill="1" applyBorder="1"/>
    <xf numFmtId="0" fontId="6" fillId="0" borderId="44" xfId="8" applyFont="1" applyFill="1" applyBorder="1"/>
    <xf numFmtId="0" fontId="6" fillId="0" borderId="23" xfId="8" applyNumberFormat="1" applyFont="1" applyFill="1" applyBorder="1" applyAlignment="1">
      <alignment vertical="center"/>
    </xf>
    <xf numFmtId="0" fontId="6" fillId="0" borderId="21" xfId="8" applyNumberFormat="1" applyFont="1" applyFill="1" applyBorder="1" applyAlignment="1">
      <alignment vertical="center"/>
    </xf>
    <xf numFmtId="0" fontId="6" fillId="0" borderId="17" xfId="8" applyNumberFormat="1" applyFont="1" applyFill="1" applyBorder="1" applyAlignment="1">
      <alignment vertical="center"/>
    </xf>
    <xf numFmtId="0" fontId="6" fillId="0" borderId="17" xfId="8" applyFont="1" applyFill="1" applyBorder="1"/>
    <xf numFmtId="0" fontId="6" fillId="0" borderId="16" xfId="8" applyFont="1" applyFill="1" applyBorder="1"/>
    <xf numFmtId="0" fontId="6" fillId="0" borderId="19" xfId="8" applyFont="1" applyFill="1" applyBorder="1"/>
    <xf numFmtId="0" fontId="6" fillId="0" borderId="103" xfId="8" applyNumberFormat="1" applyFont="1" applyFill="1" applyBorder="1" applyAlignment="1">
      <alignment vertical="center"/>
    </xf>
    <xf numFmtId="0" fontId="6" fillId="0" borderId="112" xfId="8" applyNumberFormat="1" applyFont="1" applyFill="1" applyBorder="1" applyAlignment="1">
      <alignment vertical="center"/>
    </xf>
    <xf numFmtId="0" fontId="6" fillId="0" borderId="110" xfId="8" applyNumberFormat="1" applyFont="1" applyFill="1" applyBorder="1" applyAlignment="1">
      <alignment vertical="center"/>
    </xf>
    <xf numFmtId="0" fontId="6" fillId="0" borderId="110" xfId="8" applyFont="1" applyFill="1" applyBorder="1"/>
    <xf numFmtId="0" fontId="6" fillId="0" borderId="111" xfId="8" applyFont="1" applyFill="1" applyBorder="1"/>
    <xf numFmtId="0" fontId="6" fillId="0" borderId="104" xfId="8" applyFont="1" applyFill="1" applyBorder="1"/>
    <xf numFmtId="0" fontId="6" fillId="0" borderId="43" xfId="8" applyNumberFormat="1" applyFont="1" applyFill="1" applyBorder="1"/>
    <xf numFmtId="0" fontId="6" fillId="0" borderId="16" xfId="8" applyNumberFormat="1" applyFont="1" applyFill="1" applyBorder="1"/>
    <xf numFmtId="0" fontId="6" fillId="0" borderId="23" xfId="8" applyFont="1" applyFill="1" applyBorder="1"/>
    <xf numFmtId="0" fontId="6" fillId="0" borderId="46" xfId="8" applyNumberFormat="1" applyFont="1" applyFill="1" applyBorder="1"/>
    <xf numFmtId="0" fontId="6" fillId="0" borderId="13" xfId="8" applyFont="1" applyFill="1" applyBorder="1"/>
    <xf numFmtId="0" fontId="6" fillId="0" borderId="45" xfId="8" applyFont="1" applyFill="1" applyBorder="1"/>
    <xf numFmtId="0" fontId="6" fillId="0" borderId="47" xfId="8" applyFont="1" applyFill="1" applyBorder="1"/>
    <xf numFmtId="0" fontId="6" fillId="0" borderId="38" xfId="8" applyNumberFormat="1" applyFont="1" applyFill="1" applyBorder="1" applyAlignment="1">
      <alignment horizontal="right"/>
    </xf>
    <xf numFmtId="0" fontId="6" fillId="0" borderId="42" xfId="8" applyNumberFormat="1" applyFont="1" applyFill="1" applyBorder="1"/>
    <xf numFmtId="0" fontId="6" fillId="0" borderId="0" xfId="8" applyFont="1" applyFill="1" applyBorder="1" applyAlignment="1"/>
    <xf numFmtId="0" fontId="6" fillId="0" borderId="23" xfId="8" applyNumberFormat="1" applyFont="1" applyFill="1" applyBorder="1" applyAlignment="1">
      <alignment horizontal="right"/>
    </xf>
    <xf numFmtId="0" fontId="6" fillId="0" borderId="6" xfId="8" applyNumberFormat="1" applyFont="1" applyFill="1" applyBorder="1" applyAlignment="1">
      <alignment horizontal="right"/>
    </xf>
    <xf numFmtId="0" fontId="6" fillId="0" borderId="44" xfId="8" applyNumberFormat="1" applyFont="1" applyFill="1" applyBorder="1" applyAlignment="1">
      <alignment wrapText="1"/>
    </xf>
    <xf numFmtId="0" fontId="6" fillId="0" borderId="114" xfId="8" applyNumberFormat="1" applyFont="1" applyFill="1" applyBorder="1" applyAlignment="1">
      <alignment horizontal="center" vertical="center"/>
    </xf>
    <xf numFmtId="0" fontId="6" fillId="0" borderId="117" xfId="8" applyNumberFormat="1" applyFont="1" applyFill="1" applyBorder="1" applyAlignment="1">
      <alignment vertical="center"/>
    </xf>
    <xf numFmtId="0" fontId="6" fillId="0" borderId="104" xfId="8" applyNumberFormat="1" applyFont="1" applyFill="1" applyBorder="1" applyAlignment="1">
      <alignment horizontal="center" vertical="center"/>
    </xf>
    <xf numFmtId="0" fontId="6" fillId="0" borderId="44" xfId="8" applyNumberFormat="1" applyFont="1" applyFill="1" applyBorder="1" applyAlignment="1">
      <alignment vertical="center"/>
    </xf>
    <xf numFmtId="0" fontId="6" fillId="0" borderId="47" xfId="8" applyNumberFormat="1" applyFont="1" applyFill="1" applyBorder="1" applyAlignment="1">
      <alignment vertical="center"/>
    </xf>
    <xf numFmtId="0" fontId="6" fillId="0" borderId="0" xfId="8" applyNumberFormat="1" applyFont="1" applyFill="1" applyAlignment="1">
      <alignment vertical="top"/>
    </xf>
    <xf numFmtId="0" fontId="6" fillId="0" borderId="0" xfId="8" applyFont="1" applyFill="1" applyAlignment="1">
      <alignment vertical="top"/>
    </xf>
    <xf numFmtId="0" fontId="10" fillId="0" borderId="0" xfId="8" applyFont="1" applyFill="1" applyAlignment="1">
      <alignment vertical="top"/>
    </xf>
    <xf numFmtId="0" fontId="6" fillId="0" borderId="19" xfId="8" applyFont="1" applyFill="1" applyBorder="1" applyAlignment="1">
      <alignment vertical="center"/>
    </xf>
    <xf numFmtId="0" fontId="6" fillId="0" borderId="6" xfId="8" applyNumberFormat="1" applyFont="1" applyFill="1" applyBorder="1" applyAlignment="1">
      <alignment vertical="center"/>
    </xf>
    <xf numFmtId="0" fontId="6" fillId="0" borderId="7" xfId="8" applyNumberFormat="1" applyFont="1" applyFill="1" applyBorder="1" applyAlignment="1">
      <alignment vertical="center"/>
    </xf>
    <xf numFmtId="0" fontId="6" fillId="0" borderId="8" xfId="8" applyNumberFormat="1" applyFont="1" applyFill="1" applyBorder="1" applyAlignment="1">
      <alignment vertical="center"/>
    </xf>
    <xf numFmtId="0" fontId="6" fillId="0" borderId="11" xfId="8" applyFont="1" applyFill="1" applyBorder="1" applyAlignment="1">
      <alignment vertical="center"/>
    </xf>
    <xf numFmtId="0" fontId="6" fillId="0" borderId="7" xfId="8" applyFont="1" applyFill="1" applyBorder="1" applyAlignment="1">
      <alignment vertical="center"/>
    </xf>
    <xf numFmtId="0" fontId="6" fillId="0" borderId="12" xfId="8" applyFont="1" applyFill="1" applyBorder="1" applyAlignment="1">
      <alignment vertical="center"/>
    </xf>
    <xf numFmtId="0" fontId="6" fillId="0" borderId="36" xfId="8" applyNumberFormat="1" applyFont="1" applyFill="1" applyBorder="1" applyAlignment="1">
      <alignment vertical="center"/>
    </xf>
    <xf numFmtId="0" fontId="6" fillId="0" borderId="21" xfId="8" applyNumberFormat="1" applyFont="1" applyFill="1" applyBorder="1" applyAlignment="1">
      <alignment horizontal="right" vertical="center"/>
    </xf>
    <xf numFmtId="0" fontId="6" fillId="0" borderId="34" xfId="8" applyNumberFormat="1" applyFont="1" applyFill="1" applyBorder="1" applyAlignment="1">
      <alignment horizontal="right" vertical="center"/>
    </xf>
    <xf numFmtId="0" fontId="10" fillId="0" borderId="17" xfId="8" applyFont="1" applyFill="1" applyBorder="1"/>
    <xf numFmtId="0" fontId="6" fillId="0" borderId="39" xfId="8" applyNumberFormat="1" applyFont="1" applyFill="1" applyBorder="1" applyAlignment="1">
      <alignment horizontal="right" vertical="center"/>
    </xf>
    <xf numFmtId="0" fontId="6" fillId="0" borderId="46" xfId="8" applyFont="1" applyFill="1" applyBorder="1" applyAlignment="1">
      <alignment vertical="center"/>
    </xf>
    <xf numFmtId="0" fontId="10" fillId="0" borderId="13" xfId="8" applyNumberFormat="1" applyFont="1" applyFill="1" applyBorder="1"/>
    <xf numFmtId="0" fontId="10" fillId="0" borderId="13" xfId="8" applyFont="1" applyFill="1" applyBorder="1"/>
    <xf numFmtId="0" fontId="10" fillId="0" borderId="47" xfId="8" applyFont="1" applyFill="1" applyBorder="1"/>
    <xf numFmtId="0" fontId="10" fillId="0" borderId="0" xfId="0" quotePrefix="1" applyFont="1" applyFill="1" applyAlignment="1"/>
    <xf numFmtId="0" fontId="10" fillId="0" borderId="0" xfId="0" applyFont="1" applyFill="1" applyAlignment="1"/>
    <xf numFmtId="0" fontId="6" fillId="0" borderId="87" xfId="0" applyFont="1" applyFill="1" applyBorder="1" applyAlignment="1">
      <alignment horizontal="center" vertical="center"/>
    </xf>
    <xf numFmtId="0" fontId="0" fillId="0" borderId="27" xfId="0" applyFill="1" applyBorder="1" applyAlignment="1">
      <alignment horizontal="center" vertical="center" wrapText="1"/>
    </xf>
    <xf numFmtId="0" fontId="6" fillId="0" borderId="55" xfId="0" applyFont="1" applyFill="1" applyBorder="1" applyAlignment="1">
      <alignment vertical="center"/>
    </xf>
    <xf numFmtId="0" fontId="6" fillId="0" borderId="87" xfId="0" applyFont="1" applyFill="1" applyBorder="1" applyAlignment="1">
      <alignment vertical="center"/>
    </xf>
    <xf numFmtId="0" fontId="6" fillId="0" borderId="34" xfId="0" applyFont="1" applyFill="1" applyBorder="1" applyAlignment="1">
      <alignment wrapText="1"/>
    </xf>
    <xf numFmtId="0" fontId="6" fillId="0" borderId="55" xfId="0" applyFont="1" applyFill="1" applyBorder="1" applyAlignment="1">
      <alignment wrapText="1"/>
    </xf>
    <xf numFmtId="0" fontId="6" fillId="0" borderId="33" xfId="0" applyFont="1" applyFill="1" applyBorder="1" applyAlignment="1">
      <alignment vertical="center" wrapText="1"/>
    </xf>
    <xf numFmtId="0" fontId="6" fillId="0" borderId="38" xfId="0" applyFont="1" applyFill="1" applyBorder="1" applyAlignment="1">
      <alignment vertical="center" wrapText="1"/>
    </xf>
    <xf numFmtId="0" fontId="6" fillId="0" borderId="39" xfId="0" applyFont="1" applyFill="1" applyBorder="1" applyAlignment="1">
      <alignment wrapText="1"/>
    </xf>
    <xf numFmtId="0" fontId="6" fillId="0" borderId="3" xfId="0" applyFont="1" applyFill="1" applyBorder="1" applyAlignment="1">
      <alignment vertical="center"/>
    </xf>
    <xf numFmtId="0" fontId="6" fillId="0" borderId="36" xfId="0" applyFont="1" applyFill="1" applyBorder="1" applyAlignment="1">
      <alignment vertical="top"/>
    </xf>
    <xf numFmtId="0" fontId="10" fillId="0" borderId="15" xfId="0" applyFont="1" applyFill="1" applyBorder="1" applyAlignment="1"/>
    <xf numFmtId="0" fontId="10" fillId="0" borderId="0" xfId="0" applyFont="1" applyFill="1" applyBorder="1" applyAlignment="1">
      <alignment vertical="top" wrapText="1"/>
    </xf>
    <xf numFmtId="0" fontId="10" fillId="0" borderId="0" xfId="0" applyFont="1" applyFill="1" applyBorder="1" applyAlignment="1"/>
    <xf numFmtId="0" fontId="17" fillId="0" borderId="0" xfId="0" applyFont="1" applyFill="1" applyAlignment="1"/>
    <xf numFmtId="0" fontId="21" fillId="0" borderId="0" xfId="0" applyFont="1" applyFill="1" applyBorder="1" applyAlignment="1"/>
    <xf numFmtId="0" fontId="17" fillId="0" borderId="25" xfId="0" applyFont="1" applyFill="1" applyBorder="1" applyAlignment="1"/>
    <xf numFmtId="0" fontId="17" fillId="0" borderId="0" xfId="0" applyFont="1" applyFill="1" applyBorder="1" applyAlignment="1"/>
    <xf numFmtId="0" fontId="6" fillId="0" borderId="122" xfId="0" applyFont="1" applyFill="1" applyBorder="1" applyAlignment="1"/>
    <xf numFmtId="0" fontId="6" fillId="0" borderId="14" xfId="0" applyFont="1" applyFill="1" applyBorder="1" applyAlignment="1">
      <alignment horizontal="center" vertical="center"/>
    </xf>
    <xf numFmtId="0" fontId="6" fillId="0" borderId="45" xfId="0" applyFont="1" applyFill="1" applyBorder="1" applyAlignment="1">
      <alignment horizontal="center" vertical="center"/>
    </xf>
    <xf numFmtId="0" fontId="6" fillId="0" borderId="1" xfId="0" applyFont="1" applyFill="1" applyBorder="1" applyAlignment="1">
      <alignment horizontal="center" vertical="center"/>
    </xf>
    <xf numFmtId="0" fontId="6" fillId="0" borderId="14" xfId="0" applyFont="1" applyFill="1" applyBorder="1" applyAlignment="1">
      <alignment horizontal="center" vertical="center" wrapText="1"/>
    </xf>
    <xf numFmtId="0" fontId="6" fillId="0" borderId="2" xfId="0" applyFont="1" applyFill="1" applyBorder="1" applyAlignment="1">
      <alignment horizontal="center" vertical="center" wrapText="1"/>
    </xf>
    <xf numFmtId="0" fontId="6" fillId="0" borderId="36" xfId="0" applyFont="1" applyFill="1" applyBorder="1" applyAlignment="1">
      <alignment horizontal="center" vertical="center" wrapText="1"/>
    </xf>
    <xf numFmtId="0" fontId="6" fillId="0" borderId="41" xfId="0" applyFont="1" applyFill="1" applyBorder="1" applyAlignment="1">
      <alignment horizontal="right" vertical="center"/>
    </xf>
    <xf numFmtId="0" fontId="6" fillId="0" borderId="13" xfId="0" applyFont="1" applyFill="1" applyBorder="1" applyAlignment="1">
      <alignment horizontal="right" vertical="center"/>
    </xf>
    <xf numFmtId="0" fontId="6" fillId="0" borderId="43" xfId="0" applyFont="1" applyFill="1" applyBorder="1" applyAlignment="1">
      <alignment vertical="top"/>
    </xf>
    <xf numFmtId="0" fontId="6" fillId="0" borderId="33" xfId="0" applyFont="1" applyFill="1" applyBorder="1" applyAlignment="1">
      <alignment vertical="top"/>
    </xf>
    <xf numFmtId="0" fontId="17" fillId="0" borderId="45" xfId="0" applyFont="1" applyFill="1" applyBorder="1" applyAlignment="1"/>
    <xf numFmtId="0" fontId="17" fillId="0" borderId="13" xfId="0" applyFont="1" applyFill="1" applyBorder="1" applyAlignment="1"/>
    <xf numFmtId="0" fontId="17" fillId="0" borderId="47" xfId="0" applyFont="1" applyFill="1" applyBorder="1" applyAlignment="1"/>
    <xf numFmtId="0" fontId="6" fillId="0" borderId="0" xfId="0" quotePrefix="1" applyFont="1" applyFill="1" applyAlignment="1"/>
    <xf numFmtId="0" fontId="6" fillId="0" borderId="0" xfId="0" applyFont="1" applyFill="1" applyAlignment="1">
      <alignment vertical="top"/>
    </xf>
    <xf numFmtId="0" fontId="6" fillId="0" borderId="0" xfId="0" applyFont="1" applyFill="1" applyAlignment="1">
      <alignment horizontal="center" vertical="top"/>
    </xf>
    <xf numFmtId="0" fontId="10" fillId="0" borderId="5" xfId="0" applyFont="1" applyFill="1" applyBorder="1" applyAlignment="1"/>
    <xf numFmtId="0" fontId="10" fillId="0" borderId="19" xfId="0" applyFont="1" applyFill="1" applyBorder="1" applyAlignment="1"/>
    <xf numFmtId="0" fontId="6" fillId="0" borderId="59" xfId="0" applyFont="1" applyFill="1" applyBorder="1" applyAlignment="1">
      <alignment vertical="center"/>
    </xf>
    <xf numFmtId="0" fontId="10" fillId="0" borderId="12" xfId="0" applyFont="1" applyFill="1" applyBorder="1" applyAlignment="1"/>
    <xf numFmtId="0" fontId="19" fillId="0" borderId="0" xfId="0" applyFont="1" applyFill="1" applyBorder="1" applyAlignment="1">
      <alignment vertical="center"/>
    </xf>
    <xf numFmtId="0" fontId="6" fillId="0" borderId="0" xfId="0" applyFont="1" applyFill="1" applyBorder="1" applyAlignment="1">
      <alignment horizontal="right"/>
    </xf>
    <xf numFmtId="0" fontId="10" fillId="0" borderId="2" xfId="0" applyFont="1" applyFill="1" applyBorder="1" applyAlignment="1"/>
    <xf numFmtId="0" fontId="10" fillId="0" borderId="31" xfId="0" applyFont="1" applyFill="1" applyBorder="1" applyAlignment="1"/>
    <xf numFmtId="0" fontId="10" fillId="0" borderId="25" xfId="0" applyFont="1" applyFill="1" applyBorder="1" applyAlignment="1"/>
    <xf numFmtId="0" fontId="10" fillId="0" borderId="32" xfId="0" applyFont="1" applyFill="1" applyBorder="1" applyAlignment="1"/>
    <xf numFmtId="0" fontId="10" fillId="0" borderId="17" xfId="0" applyFont="1" applyFill="1" applyBorder="1" applyAlignment="1"/>
    <xf numFmtId="0" fontId="10" fillId="0" borderId="43" xfId="0" applyFont="1" applyFill="1" applyBorder="1" applyAlignment="1"/>
    <xf numFmtId="0" fontId="10" fillId="0" borderId="44" xfId="0" applyFont="1" applyFill="1" applyBorder="1" applyAlignment="1"/>
    <xf numFmtId="0" fontId="10" fillId="0" borderId="7" xfId="0" applyFont="1" applyFill="1" applyBorder="1" applyAlignment="1"/>
    <xf numFmtId="0" fontId="10" fillId="0" borderId="46" xfId="0" applyFont="1" applyFill="1" applyBorder="1" applyAlignment="1"/>
    <xf numFmtId="0" fontId="10" fillId="0" borderId="13" xfId="0" applyFont="1" applyFill="1" applyBorder="1" applyAlignment="1"/>
    <xf numFmtId="0" fontId="10" fillId="0" borderId="47" xfId="0" applyFont="1" applyFill="1" applyBorder="1" applyAlignment="1"/>
    <xf numFmtId="0" fontId="10" fillId="0" borderId="73" xfId="0" applyFont="1" applyFill="1" applyBorder="1" applyAlignment="1">
      <alignment horizontal="center"/>
    </xf>
    <xf numFmtId="0" fontId="10" fillId="0" borderId="32" xfId="0" applyFont="1" applyFill="1" applyBorder="1" applyAlignment="1">
      <alignment horizontal="center"/>
    </xf>
    <xf numFmtId="0" fontId="10" fillId="0" borderId="16" xfId="0" applyFont="1" applyFill="1" applyBorder="1" applyAlignment="1"/>
    <xf numFmtId="0" fontId="10" fillId="0" borderId="21" xfId="0" applyFont="1" applyFill="1" applyBorder="1" applyAlignment="1"/>
    <xf numFmtId="0" fontId="10" fillId="0" borderId="18" xfId="0" applyFont="1" applyFill="1" applyBorder="1" applyAlignment="1"/>
    <xf numFmtId="0" fontId="10" fillId="0" borderId="45" xfId="0" applyFont="1" applyFill="1" applyBorder="1" applyAlignment="1"/>
    <xf numFmtId="0" fontId="10" fillId="0" borderId="11" xfId="0" applyFont="1" applyFill="1" applyBorder="1" applyAlignment="1"/>
    <xf numFmtId="0" fontId="10" fillId="0" borderId="0" xfId="0" applyFont="1" applyFill="1" applyAlignment="1">
      <alignment horizontal="left"/>
    </xf>
    <xf numFmtId="0" fontId="10" fillId="0" borderId="102" xfId="0" applyFont="1" applyFill="1" applyBorder="1" applyAlignment="1">
      <alignment horizontal="center" vertical="center"/>
    </xf>
    <xf numFmtId="0" fontId="10" fillId="0" borderId="2" xfId="0" applyFont="1" applyFill="1" applyBorder="1" applyAlignment="1">
      <alignment horizontal="center" vertical="center"/>
    </xf>
    <xf numFmtId="0" fontId="10" fillId="0" borderId="106" xfId="0" applyFont="1" applyFill="1" applyBorder="1" applyAlignment="1">
      <alignment horizontal="center" vertical="center"/>
    </xf>
    <xf numFmtId="0" fontId="6" fillId="0" borderId="102" xfId="0" applyFont="1" applyFill="1" applyBorder="1" applyAlignment="1">
      <alignment horizontal="center" vertical="center"/>
    </xf>
    <xf numFmtId="0" fontId="6" fillId="0" borderId="74" xfId="0" applyFont="1" applyFill="1" applyBorder="1" applyAlignment="1">
      <alignment horizontal="center" vertical="center"/>
    </xf>
    <xf numFmtId="0" fontId="6" fillId="0" borderId="54" xfId="0" applyFont="1" applyFill="1" applyBorder="1" applyAlignment="1">
      <alignment horizontal="right" vertical="center"/>
    </xf>
    <xf numFmtId="0" fontId="6" fillId="0" borderId="89" xfId="0" applyFont="1" applyFill="1" applyBorder="1" applyAlignment="1">
      <alignment horizontal="right" vertical="center"/>
    </xf>
    <xf numFmtId="0" fontId="6" fillId="0" borderId="57" xfId="0" applyFont="1" applyFill="1" applyBorder="1" applyAlignment="1">
      <alignment horizontal="right" vertical="center"/>
    </xf>
    <xf numFmtId="0" fontId="6" fillId="0" borderId="90" xfId="0" applyFont="1" applyFill="1" applyBorder="1" applyAlignment="1">
      <alignment horizontal="right" vertical="center"/>
    </xf>
    <xf numFmtId="0" fontId="6" fillId="0" borderId="18" xfId="0" applyFont="1" applyFill="1" applyBorder="1" applyAlignment="1">
      <alignment horizontal="right" vertical="center"/>
    </xf>
    <xf numFmtId="0" fontId="6" fillId="0" borderId="24" xfId="0" applyFont="1" applyFill="1" applyBorder="1" applyAlignment="1">
      <alignment horizontal="right" vertical="center"/>
    </xf>
    <xf numFmtId="0" fontId="6" fillId="0" borderId="58" xfId="0" applyFont="1" applyFill="1" applyBorder="1" applyAlignment="1">
      <alignment horizontal="right" vertical="center"/>
    </xf>
    <xf numFmtId="0" fontId="6" fillId="0" borderId="99" xfId="0" applyFont="1" applyFill="1" applyBorder="1" applyAlignment="1">
      <alignment horizontal="right" vertical="center"/>
    </xf>
    <xf numFmtId="0" fontId="6" fillId="0" borderId="29" xfId="0" applyFont="1" applyFill="1" applyBorder="1" applyAlignment="1">
      <alignment horizontal="right" vertical="center"/>
    </xf>
    <xf numFmtId="0" fontId="6" fillId="0" borderId="94" xfId="0" applyFont="1" applyFill="1" applyBorder="1" applyAlignment="1">
      <alignment horizontal="right" vertical="center"/>
    </xf>
    <xf numFmtId="0" fontId="6" fillId="0" borderId="0" xfId="0" quotePrefix="1" applyFont="1" applyFill="1" applyBorder="1" applyAlignment="1">
      <alignment horizontal="right"/>
    </xf>
    <xf numFmtId="0" fontId="6" fillId="0" borderId="105" xfId="0" applyFont="1" applyFill="1" applyBorder="1" applyAlignment="1">
      <alignment vertical="center"/>
    </xf>
    <xf numFmtId="0" fontId="6" fillId="0" borderId="26" xfId="0" applyFont="1" applyFill="1" applyBorder="1" applyAlignment="1">
      <alignment vertical="center"/>
    </xf>
    <xf numFmtId="0" fontId="10" fillId="0" borderId="28" xfId="0" applyFont="1" applyFill="1" applyBorder="1" applyAlignment="1">
      <alignment horizontal="center" shrinkToFit="1"/>
    </xf>
    <xf numFmtId="0" fontId="10" fillId="0" borderId="0" xfId="0" applyFont="1" applyFill="1" applyBorder="1" applyAlignment="1">
      <alignment vertical="center"/>
    </xf>
    <xf numFmtId="0" fontId="10" fillId="0" borderId="0" xfId="0" applyFont="1" applyFill="1" applyBorder="1" applyAlignment="1">
      <alignment vertical="top"/>
    </xf>
    <xf numFmtId="0" fontId="6" fillId="0" borderId="54" xfId="0" applyFont="1" applyFill="1" applyBorder="1" applyAlignment="1">
      <alignment horizontal="center" vertical="center"/>
    </xf>
    <xf numFmtId="0" fontId="6" fillId="0" borderId="24" xfId="0" applyFont="1" applyFill="1" applyBorder="1" applyAlignment="1">
      <alignment horizontal="center" vertical="center" wrapText="1"/>
    </xf>
    <xf numFmtId="0" fontId="10" fillId="0" borderId="57" xfId="0" applyFont="1" applyFill="1" applyBorder="1" applyAlignment="1"/>
    <xf numFmtId="0" fontId="6" fillId="0" borderId="90" xfId="0" applyFont="1" applyFill="1" applyBorder="1" applyAlignment="1"/>
    <xf numFmtId="0" fontId="6" fillId="0" borderId="90" xfId="0" applyFont="1" applyFill="1" applyBorder="1" applyAlignment="1">
      <alignment horizontal="center" vertical="center"/>
    </xf>
    <xf numFmtId="0" fontId="6" fillId="0" borderId="24" xfId="0" applyFont="1" applyFill="1" applyBorder="1" applyAlignment="1"/>
    <xf numFmtId="0" fontId="6" fillId="0" borderId="97" xfId="0" applyFont="1" applyFill="1" applyBorder="1" applyAlignment="1"/>
    <xf numFmtId="0" fontId="6" fillId="0" borderId="89" xfId="0" applyFont="1" applyFill="1" applyBorder="1" applyAlignment="1"/>
    <xf numFmtId="0" fontId="23" fillId="0" borderId="0" xfId="11" applyFont="1" applyFill="1"/>
    <xf numFmtId="0" fontId="23" fillId="0" borderId="25" xfId="11" applyFont="1" applyFill="1" applyBorder="1"/>
    <xf numFmtId="0" fontId="23" fillId="0" borderId="32" xfId="11" applyFont="1" applyFill="1" applyBorder="1"/>
    <xf numFmtId="0" fontId="23" fillId="0" borderId="0" xfId="11" applyFont="1" applyFill="1" applyBorder="1"/>
    <xf numFmtId="0" fontId="23" fillId="0" borderId="44" xfId="11" applyFont="1" applyFill="1" applyBorder="1"/>
    <xf numFmtId="0" fontId="23" fillId="0" borderId="36" xfId="11" applyFont="1" applyFill="1" applyBorder="1"/>
    <xf numFmtId="0" fontId="23" fillId="0" borderId="37" xfId="11" applyFont="1" applyFill="1" applyBorder="1"/>
    <xf numFmtId="0" fontId="23" fillId="0" borderId="41" xfId="11" applyFont="1" applyFill="1" applyBorder="1"/>
    <xf numFmtId="0" fontId="23" fillId="0" borderId="42" xfId="11" applyFont="1" applyFill="1" applyBorder="1"/>
    <xf numFmtId="0" fontId="23" fillId="0" borderId="36" xfId="11" applyFont="1" applyFill="1" applyBorder="1" applyAlignment="1">
      <alignment vertical="center"/>
    </xf>
    <xf numFmtId="0" fontId="23" fillId="0" borderId="0" xfId="11" applyFont="1" applyFill="1" applyBorder="1" applyAlignment="1">
      <alignment vertical="center"/>
    </xf>
    <xf numFmtId="0" fontId="23" fillId="0" borderId="44" xfId="11" applyFont="1" applyFill="1" applyBorder="1" applyAlignment="1">
      <alignment vertical="center"/>
    </xf>
    <xf numFmtId="0" fontId="23" fillId="0" borderId="41" xfId="11" applyFont="1" applyFill="1" applyBorder="1" applyAlignment="1">
      <alignment vertical="center"/>
    </xf>
    <xf numFmtId="0" fontId="23" fillId="0" borderId="42" xfId="11" applyFont="1" applyFill="1" applyBorder="1" applyAlignment="1">
      <alignment vertical="center"/>
    </xf>
    <xf numFmtId="0" fontId="23" fillId="0" borderId="15" xfId="11" applyFont="1" applyFill="1" applyBorder="1"/>
    <xf numFmtId="0" fontId="23" fillId="0" borderId="55" xfId="11" applyFont="1" applyFill="1" applyBorder="1"/>
    <xf numFmtId="0" fontId="23" fillId="0" borderId="38" xfId="11" applyFont="1" applyFill="1" applyBorder="1"/>
    <xf numFmtId="0" fontId="23" fillId="0" borderId="39" xfId="11" applyFont="1" applyFill="1" applyBorder="1"/>
    <xf numFmtId="0" fontId="23" fillId="0" borderId="36" xfId="11" applyFont="1" applyFill="1" applyBorder="1" applyAlignment="1">
      <alignment horizontal="right" vertical="center"/>
    </xf>
    <xf numFmtId="0" fontId="23" fillId="0" borderId="45" xfId="11" applyFont="1" applyFill="1" applyBorder="1" applyAlignment="1">
      <alignment vertical="top"/>
    </xf>
    <xf numFmtId="0" fontId="23" fillId="0" borderId="59" xfId="11" applyFont="1" applyFill="1" applyBorder="1"/>
    <xf numFmtId="0" fontId="23" fillId="0" borderId="13" xfId="11" applyFont="1" applyFill="1" applyBorder="1" applyAlignment="1">
      <alignment vertical="center"/>
    </xf>
    <xf numFmtId="0" fontId="23" fillId="0" borderId="47" xfId="11" applyFont="1" applyFill="1" applyBorder="1" applyAlignment="1">
      <alignment vertical="center"/>
    </xf>
    <xf numFmtId="0" fontId="23" fillId="0" borderId="0" xfId="11" applyFont="1" applyFill="1" applyBorder="1" applyAlignment="1">
      <alignment vertical="top"/>
    </xf>
    <xf numFmtId="0" fontId="2" fillId="0" borderId="0" xfId="12" applyFont="1" applyFill="1" applyAlignment="1">
      <alignment vertical="center"/>
    </xf>
    <xf numFmtId="0" fontId="2" fillId="0" borderId="44" xfId="12" applyFont="1" applyFill="1" applyBorder="1" applyAlignment="1">
      <alignment vertical="center"/>
    </xf>
    <xf numFmtId="0" fontId="2" fillId="0" borderId="0" xfId="13" applyFont="1" applyFill="1" applyAlignment="1">
      <alignment vertical="center"/>
    </xf>
    <xf numFmtId="0" fontId="2" fillId="0" borderId="0" xfId="13" applyFont="1" applyFill="1" applyBorder="1" applyAlignment="1">
      <alignment vertical="center"/>
    </xf>
    <xf numFmtId="49" fontId="2" fillId="0" borderId="0" xfId="12" applyNumberFormat="1" applyFont="1" applyFill="1" applyAlignment="1">
      <alignment vertical="center"/>
    </xf>
    <xf numFmtId="0" fontId="17" fillId="0" borderId="0" xfId="0" applyFont="1" applyFill="1" applyAlignment="1">
      <alignment vertical="center"/>
    </xf>
    <xf numFmtId="0" fontId="17" fillId="0" borderId="0" xfId="0" applyFont="1" applyFill="1" applyBorder="1" applyAlignment="1">
      <alignment vertical="center"/>
    </xf>
    <xf numFmtId="0" fontId="0" fillId="0" borderId="44" xfId="0" applyFont="1" applyFill="1" applyBorder="1" applyAlignment="1">
      <alignment vertical="center"/>
    </xf>
    <xf numFmtId="0" fontId="0" fillId="0" borderId="45" xfId="0" applyFont="1" applyFill="1" applyBorder="1" applyAlignment="1">
      <alignment vertical="center"/>
    </xf>
    <xf numFmtId="0" fontId="0" fillId="0" borderId="47" xfId="0" applyFont="1" applyFill="1" applyBorder="1" applyAlignment="1">
      <alignment vertical="center"/>
    </xf>
    <xf numFmtId="0" fontId="25" fillId="0" borderId="0" xfId="0" applyFont="1" applyFill="1" applyAlignment="1">
      <alignment vertical="center"/>
    </xf>
    <xf numFmtId="0" fontId="18" fillId="0" borderId="0" xfId="0" applyFont="1" applyFill="1" applyAlignment="1">
      <alignment vertical="center"/>
    </xf>
    <xf numFmtId="0" fontId="26" fillId="0" borderId="0" xfId="0" applyFont="1" applyFill="1" applyAlignment="1">
      <alignment vertical="center"/>
    </xf>
    <xf numFmtId="0" fontId="27" fillId="2" borderId="0" xfId="0" applyFont="1" applyFill="1" applyAlignment="1">
      <alignment vertical="center"/>
    </xf>
    <xf numFmtId="0" fontId="18" fillId="2" borderId="0" xfId="0" applyFont="1" applyFill="1" applyAlignment="1">
      <alignment vertical="center"/>
    </xf>
    <xf numFmtId="0" fontId="18" fillId="0" borderId="125" xfId="0" applyFont="1" applyFill="1" applyBorder="1" applyAlignment="1">
      <alignment horizontal="center" vertical="center"/>
    </xf>
    <xf numFmtId="0" fontId="18" fillId="0" borderId="126" xfId="0" applyFont="1" applyFill="1" applyBorder="1" applyAlignment="1">
      <alignment horizontal="center" vertical="center"/>
    </xf>
    <xf numFmtId="0" fontId="18" fillId="0" borderId="127" xfId="0" applyFont="1" applyFill="1" applyBorder="1" applyAlignment="1">
      <alignment horizontal="center" vertical="center"/>
    </xf>
    <xf numFmtId="0" fontId="18" fillId="0" borderId="128" xfId="0" applyFont="1" applyFill="1" applyBorder="1" applyAlignment="1">
      <alignment horizontal="center" vertical="center"/>
    </xf>
    <xf numFmtId="0" fontId="18" fillId="0" borderId="129" xfId="0" applyFont="1" applyFill="1" applyBorder="1" applyAlignment="1">
      <alignment vertical="center"/>
    </xf>
    <xf numFmtId="0" fontId="18" fillId="0" borderId="130" xfId="0" applyFont="1" applyFill="1" applyBorder="1" applyAlignment="1">
      <alignment vertical="center"/>
    </xf>
    <xf numFmtId="0" fontId="18" fillId="0" borderId="131" xfId="0" applyFont="1" applyFill="1" applyBorder="1" applyAlignment="1">
      <alignment vertical="center"/>
    </xf>
    <xf numFmtId="0" fontId="18" fillId="0" borderId="132" xfId="0" applyFont="1" applyFill="1" applyBorder="1" applyAlignment="1">
      <alignment vertical="center"/>
    </xf>
    <xf numFmtId="0" fontId="18" fillId="0" borderId="133" xfId="0" applyFont="1" applyFill="1" applyBorder="1" applyAlignment="1">
      <alignment horizontal="center" vertical="center"/>
    </xf>
    <xf numFmtId="0" fontId="18" fillId="0" borderId="134" xfId="0" applyFont="1" applyFill="1" applyBorder="1" applyAlignment="1">
      <alignment vertical="center"/>
    </xf>
    <xf numFmtId="0" fontId="18" fillId="0" borderId="135" xfId="0" applyFont="1" applyFill="1" applyBorder="1" applyAlignment="1">
      <alignment vertical="center"/>
    </xf>
    <xf numFmtId="0" fontId="25" fillId="0" borderId="0" xfId="0" applyFont="1" applyFill="1" applyAlignment="1">
      <alignment vertical="top"/>
    </xf>
    <xf numFmtId="0" fontId="18" fillId="0" borderId="0" xfId="0" applyFont="1" applyFill="1" applyAlignment="1">
      <alignment vertical="top"/>
    </xf>
    <xf numFmtId="0" fontId="28" fillId="0" borderId="0" xfId="0" applyFont="1" applyFill="1" applyAlignment="1">
      <alignment vertical="top"/>
    </xf>
    <xf numFmtId="0" fontId="18" fillId="0" borderId="0" xfId="0" applyFont="1" applyAlignment="1">
      <alignment vertical="top" wrapText="1"/>
    </xf>
    <xf numFmtId="0" fontId="18" fillId="0" borderId="136" xfId="0" applyFont="1" applyFill="1" applyBorder="1" applyAlignment="1">
      <alignment horizontal="center" vertical="center"/>
    </xf>
    <xf numFmtId="0" fontId="18" fillId="0" borderId="137" xfId="0" applyFont="1" applyFill="1" applyBorder="1" applyAlignment="1">
      <alignment vertical="center"/>
    </xf>
    <xf numFmtId="0" fontId="18" fillId="0" borderId="138" xfId="0" applyFont="1" applyFill="1" applyBorder="1" applyAlignment="1">
      <alignment vertical="center"/>
    </xf>
    <xf numFmtId="0" fontId="18" fillId="0" borderId="139" xfId="0" applyFont="1" applyFill="1" applyBorder="1" applyAlignment="1">
      <alignment horizontal="center" vertical="center"/>
    </xf>
    <xf numFmtId="0" fontId="18" fillId="0" borderId="140" xfId="0" applyFont="1" applyFill="1" applyBorder="1" applyAlignment="1">
      <alignment vertical="center"/>
    </xf>
    <xf numFmtId="0" fontId="18" fillId="0" borderId="141" xfId="0" applyFont="1" applyFill="1" applyBorder="1" applyAlignment="1">
      <alignment vertical="center"/>
    </xf>
    <xf numFmtId="0" fontId="18" fillId="0" borderId="130" xfId="0" applyFont="1" applyFill="1" applyBorder="1" applyAlignment="1">
      <alignment vertical="center" wrapText="1"/>
    </xf>
    <xf numFmtId="0" fontId="18" fillId="0" borderId="132" xfId="0" applyFont="1" applyFill="1" applyBorder="1" applyAlignment="1">
      <alignment vertical="center" wrapText="1"/>
    </xf>
    <xf numFmtId="0" fontId="18" fillId="0" borderId="0" xfId="0" applyFont="1" applyAlignment="1">
      <alignment vertical="top"/>
    </xf>
    <xf numFmtId="0" fontId="18" fillId="0" borderId="0" xfId="0" applyFont="1" applyFill="1" applyAlignment="1">
      <alignment vertical="top" wrapText="1"/>
    </xf>
    <xf numFmtId="0" fontId="18" fillId="0" borderId="142" xfId="0" applyFont="1" applyFill="1" applyBorder="1" applyAlignment="1">
      <alignment horizontal="center" vertical="center"/>
    </xf>
    <xf numFmtId="0" fontId="18" fillId="0" borderId="134" xfId="0" applyFont="1" applyFill="1" applyBorder="1" applyAlignment="1">
      <alignment vertical="center" wrapText="1"/>
    </xf>
    <xf numFmtId="0" fontId="18" fillId="0" borderId="0" xfId="0" applyFont="1" applyFill="1" applyBorder="1" applyAlignment="1">
      <alignment horizontal="center" vertical="center"/>
    </xf>
    <xf numFmtId="0" fontId="18" fillId="0" borderId="0" xfId="0" applyFont="1" applyFill="1" applyBorder="1" applyAlignment="1">
      <alignment vertical="center" wrapText="1"/>
    </xf>
    <xf numFmtId="0" fontId="18" fillId="0" borderId="0" xfId="0" applyFont="1" applyFill="1" applyBorder="1" applyAlignment="1">
      <alignment vertical="center"/>
    </xf>
    <xf numFmtId="0" fontId="26" fillId="0" borderId="0" xfId="0" applyFont="1" applyFill="1" applyBorder="1" applyAlignment="1">
      <alignment vertical="top"/>
    </xf>
    <xf numFmtId="0" fontId="26" fillId="0" borderId="0" xfId="0" applyFont="1" applyFill="1" applyAlignment="1">
      <alignment vertical="top" wrapText="1"/>
    </xf>
    <xf numFmtId="0" fontId="18" fillId="0" borderId="0" xfId="0" applyFont="1" applyFill="1" applyBorder="1" applyAlignment="1">
      <alignment vertical="top"/>
    </xf>
    <xf numFmtId="0" fontId="24" fillId="0" borderId="0" xfId="0" applyFont="1" applyFill="1" applyAlignment="1">
      <alignment vertical="center"/>
    </xf>
    <xf numFmtId="0" fontId="24" fillId="0" borderId="0" xfId="0" applyFont="1" applyFill="1" applyBorder="1" applyAlignment="1">
      <alignment vertical="center"/>
    </xf>
    <xf numFmtId="0" fontId="2" fillId="0" borderId="0" xfId="0" applyFont="1" applyFill="1" applyAlignment="1">
      <alignment vertical="center"/>
    </xf>
    <xf numFmtId="0" fontId="0" fillId="0" borderId="0" xfId="0" applyFont="1" applyFill="1" applyAlignment="1">
      <alignment horizontal="right" vertical="center"/>
    </xf>
    <xf numFmtId="0" fontId="18" fillId="0" borderId="143" xfId="0" applyFont="1" applyFill="1" applyBorder="1" applyAlignment="1">
      <alignment horizontal="center" vertical="center"/>
    </xf>
    <xf numFmtId="0" fontId="18" fillId="0" borderId="146" xfId="0" applyFont="1" applyFill="1" applyBorder="1" applyAlignment="1">
      <alignment horizontal="center" vertical="center"/>
    </xf>
    <xf numFmtId="0" fontId="0" fillId="0" borderId="0" xfId="0" applyFont="1" applyFill="1" applyBorder="1"/>
    <xf numFmtId="0" fontId="0" fillId="0" borderId="147" xfId="0" applyFont="1" applyFill="1" applyBorder="1" applyAlignment="1"/>
    <xf numFmtId="0" fontId="0" fillId="0" borderId="148" xfId="0" applyFont="1" applyFill="1" applyBorder="1" applyAlignment="1"/>
    <xf numFmtId="0" fontId="0" fillId="0" borderId="150" xfId="0" applyFont="1" applyFill="1" applyBorder="1" applyAlignment="1">
      <alignment vertical="center"/>
    </xf>
    <xf numFmtId="0" fontId="0" fillId="0" borderId="151" xfId="0" applyFont="1" applyFill="1" applyBorder="1" applyAlignment="1">
      <alignment vertical="center"/>
    </xf>
    <xf numFmtId="0" fontId="0" fillId="0" borderId="151" xfId="0" applyFont="1" applyFill="1" applyBorder="1" applyAlignment="1"/>
    <xf numFmtId="0" fontId="0" fillId="0" borderId="152" xfId="0" applyFont="1" applyFill="1" applyBorder="1" applyAlignment="1"/>
    <xf numFmtId="0" fontId="0" fillId="0" borderId="51" xfId="0" applyFont="1" applyFill="1" applyBorder="1" applyAlignment="1">
      <alignment vertical="center"/>
    </xf>
    <xf numFmtId="0" fontId="0" fillId="0" borderId="52" xfId="0" applyFont="1" applyFill="1" applyBorder="1" applyAlignment="1">
      <alignment vertical="center"/>
    </xf>
    <xf numFmtId="0" fontId="0" fillId="0" borderId="149" xfId="0" applyFont="1" applyFill="1" applyBorder="1" applyAlignment="1"/>
    <xf numFmtId="0" fontId="6" fillId="0" borderId="0" xfId="0" applyFont="1" applyFill="1" applyAlignment="1">
      <alignment vertical="center"/>
    </xf>
    <xf numFmtId="0" fontId="6" fillId="0" borderId="38" xfId="0" applyFont="1" applyFill="1" applyBorder="1" applyAlignment="1">
      <alignment horizontal="center" vertical="center"/>
    </xf>
    <xf numFmtId="0" fontId="6" fillId="0" borderId="4" xfId="0" applyFont="1" applyFill="1" applyBorder="1" applyAlignment="1">
      <alignment horizontal="center" vertical="center"/>
    </xf>
    <xf numFmtId="0" fontId="0" fillId="0" borderId="25" xfId="0" applyFont="1" applyFill="1" applyBorder="1" applyAlignment="1"/>
    <xf numFmtId="0" fontId="0" fillId="0" borderId="0" xfId="0" applyFont="1" applyFill="1" applyBorder="1" applyAlignment="1"/>
    <xf numFmtId="0" fontId="6" fillId="0" borderId="57" xfId="0" applyFont="1" applyFill="1" applyBorder="1" applyAlignment="1">
      <alignment horizontal="center" vertical="center"/>
    </xf>
    <xf numFmtId="0" fontId="6" fillId="0" borderId="1" xfId="0" applyFont="1" applyFill="1" applyBorder="1" applyAlignment="1">
      <alignment horizontal="center" vertical="center"/>
    </xf>
    <xf numFmtId="0" fontId="6" fillId="0" borderId="3" xfId="0" applyFont="1" applyFill="1" applyBorder="1" applyAlignment="1">
      <alignment horizontal="center" vertical="center"/>
    </xf>
    <xf numFmtId="0" fontId="6" fillId="0" borderId="0" xfId="0" applyFont="1" applyFill="1" applyBorder="1" applyAlignment="1">
      <alignment vertical="center"/>
    </xf>
    <xf numFmtId="0" fontId="6" fillId="0" borderId="4" xfId="3" applyFont="1" applyFill="1" applyBorder="1" applyAlignment="1">
      <alignment horizontal="center"/>
    </xf>
    <xf numFmtId="0" fontId="0" fillId="0" borderId="0" xfId="0" applyFont="1" applyFill="1" applyBorder="1" applyAlignment="1">
      <alignment horizontal="center"/>
    </xf>
    <xf numFmtId="0" fontId="6" fillId="0" borderId="15" xfId="0" applyFont="1" applyFill="1" applyBorder="1" applyAlignment="1">
      <alignment vertical="center"/>
    </xf>
    <xf numFmtId="0" fontId="6" fillId="0" borderId="30" xfId="0" applyFont="1" applyFill="1" applyBorder="1" applyAlignment="1">
      <alignment vertical="center"/>
    </xf>
    <xf numFmtId="0" fontId="6" fillId="0" borderId="7" xfId="0" applyFont="1" applyFill="1" applyBorder="1" applyAlignment="1">
      <alignment vertical="center"/>
    </xf>
    <xf numFmtId="0" fontId="0" fillId="0" borderId="0" xfId="0" applyFont="1" applyFill="1" applyAlignment="1"/>
    <xf numFmtId="0" fontId="6" fillId="0" borderId="1" xfId="0" applyFont="1" applyFill="1" applyBorder="1" applyAlignment="1">
      <alignment vertical="center"/>
    </xf>
    <xf numFmtId="0" fontId="6" fillId="0" borderId="2" xfId="0" applyFont="1" applyFill="1" applyBorder="1" applyAlignment="1">
      <alignment vertical="center"/>
    </xf>
    <xf numFmtId="0" fontId="6" fillId="0" borderId="23" xfId="0" applyFont="1" applyFill="1" applyBorder="1" applyAlignment="1">
      <alignment vertical="center"/>
    </xf>
    <xf numFmtId="0" fontId="6" fillId="0" borderId="17" xfId="0" applyFont="1" applyFill="1" applyBorder="1" applyAlignment="1">
      <alignment vertical="center"/>
    </xf>
    <xf numFmtId="0" fontId="0" fillId="0" borderId="0" xfId="0" applyFont="1" applyFill="1" applyAlignment="1">
      <alignment vertical="center"/>
    </xf>
    <xf numFmtId="0" fontId="6" fillId="0" borderId="16" xfId="0" applyFont="1" applyFill="1" applyBorder="1" applyAlignment="1">
      <alignment vertical="center"/>
    </xf>
    <xf numFmtId="0" fontId="6" fillId="0" borderId="21" xfId="0" applyFont="1" applyFill="1" applyBorder="1" applyAlignment="1">
      <alignment vertical="center"/>
    </xf>
    <xf numFmtId="0" fontId="6" fillId="0" borderId="56" xfId="0" applyFont="1" applyFill="1" applyBorder="1" applyAlignment="1">
      <alignment horizontal="center" vertical="center" wrapText="1"/>
    </xf>
    <xf numFmtId="0" fontId="6" fillId="0" borderId="43" xfId="0" applyFont="1" applyFill="1" applyBorder="1" applyAlignment="1"/>
    <xf numFmtId="0" fontId="6" fillId="0" borderId="44" xfId="0" applyFont="1" applyFill="1" applyBorder="1" applyAlignment="1"/>
    <xf numFmtId="0" fontId="6" fillId="0" borderId="19" xfId="0" applyFont="1" applyFill="1" applyBorder="1" applyAlignment="1">
      <alignment vertical="center"/>
    </xf>
    <xf numFmtId="0" fontId="6" fillId="0" borderId="40" xfId="0" applyFont="1" applyFill="1" applyBorder="1" applyAlignment="1"/>
    <xf numFmtId="0" fontId="6" fillId="0" borderId="42" xfId="0" applyFont="1" applyFill="1" applyBorder="1" applyAlignment="1"/>
    <xf numFmtId="0" fontId="6" fillId="0" borderId="40" xfId="0" applyFont="1" applyFill="1" applyBorder="1" applyAlignment="1">
      <alignment horizontal="center" vertical="center"/>
    </xf>
    <xf numFmtId="0" fontId="6" fillId="0" borderId="5" xfId="0" applyFont="1" applyFill="1" applyBorder="1" applyAlignment="1">
      <alignment vertical="center"/>
    </xf>
    <xf numFmtId="0" fontId="6" fillId="0" borderId="33" xfId="0" applyFont="1" applyFill="1" applyBorder="1" applyAlignment="1"/>
    <xf numFmtId="0" fontId="6" fillId="0" borderId="15" xfId="0" applyFont="1" applyFill="1" applyBorder="1" applyAlignment="1">
      <alignment vertical="top"/>
    </xf>
    <xf numFmtId="0" fontId="6" fillId="0" borderId="0" xfId="0" applyFont="1" applyFill="1" applyAlignment="1"/>
    <xf numFmtId="0" fontId="6" fillId="0" borderId="13" xfId="0" applyFont="1" applyFill="1" applyBorder="1" applyAlignment="1">
      <alignment vertical="center"/>
    </xf>
    <xf numFmtId="0" fontId="6" fillId="0" borderId="35" xfId="0" applyFont="1" applyFill="1" applyBorder="1" applyAlignment="1">
      <alignment vertical="top"/>
    </xf>
    <xf numFmtId="0" fontId="6" fillId="0" borderId="2" xfId="0" applyFont="1" applyFill="1" applyBorder="1" applyAlignment="1">
      <alignment horizontal="center" vertical="center"/>
    </xf>
    <xf numFmtId="0" fontId="6" fillId="0" borderId="30" xfId="0" applyFont="1" applyFill="1" applyBorder="1" applyAlignment="1"/>
    <xf numFmtId="0" fontId="6" fillId="0" borderId="25" xfId="0" applyFont="1" applyFill="1" applyBorder="1" applyAlignment="1"/>
    <xf numFmtId="0" fontId="6" fillId="0" borderId="32" xfId="0" applyFont="1" applyFill="1" applyBorder="1" applyAlignment="1"/>
    <xf numFmtId="0" fontId="6" fillId="0" borderId="0" xfId="0" applyFont="1" applyFill="1" applyBorder="1" applyAlignment="1">
      <alignment horizontal="center" vertical="center"/>
    </xf>
    <xf numFmtId="0" fontId="6" fillId="0" borderId="0" xfId="0" applyFont="1" applyFill="1" applyBorder="1" applyAlignment="1">
      <alignment horizontal="center"/>
    </xf>
    <xf numFmtId="0" fontId="6" fillId="0" borderId="0" xfId="0" applyFont="1" applyFill="1" applyBorder="1" applyAlignment="1">
      <alignment vertical="top"/>
    </xf>
    <xf numFmtId="0" fontId="6" fillId="0" borderId="25" xfId="0" applyFont="1" applyFill="1" applyBorder="1" applyAlignment="1">
      <alignment vertical="center"/>
    </xf>
    <xf numFmtId="0" fontId="6" fillId="0" borderId="72" xfId="0" applyFont="1" applyFill="1" applyBorder="1" applyAlignment="1">
      <alignment vertical="center"/>
    </xf>
    <xf numFmtId="0" fontId="10" fillId="0" borderId="0" xfId="0" applyFont="1" applyFill="1" applyAlignment="1"/>
    <xf numFmtId="0" fontId="6" fillId="0" borderId="56" xfId="0" applyFont="1" applyFill="1" applyBorder="1" applyAlignment="1">
      <alignment horizontal="center"/>
    </xf>
    <xf numFmtId="0" fontId="0" fillId="0" borderId="0" xfId="0" applyFont="1" applyFill="1" applyBorder="1" applyAlignment="1">
      <alignment horizontal="right" vertical="center"/>
    </xf>
    <xf numFmtId="0" fontId="6" fillId="0" borderId="56" xfId="0" applyFont="1" applyFill="1" applyBorder="1" applyAlignment="1"/>
    <xf numFmtId="0" fontId="6" fillId="0" borderId="57" xfId="0" applyFont="1" applyFill="1" applyBorder="1" applyAlignment="1"/>
    <xf numFmtId="0" fontId="2" fillId="0" borderId="0" xfId="12" applyFont="1" applyFill="1" applyBorder="1" applyAlignment="1">
      <alignment vertical="center"/>
    </xf>
    <xf numFmtId="0" fontId="2" fillId="0" borderId="0" xfId="0" applyFont="1" applyFill="1" applyBorder="1" applyAlignment="1">
      <alignment vertical="center"/>
    </xf>
    <xf numFmtId="0" fontId="18" fillId="0" borderId="144" xfId="0" applyFont="1" applyFill="1" applyBorder="1" applyAlignment="1">
      <alignment vertical="center"/>
    </xf>
    <xf numFmtId="0" fontId="18" fillId="0" borderId="145" xfId="0" applyFont="1" applyFill="1" applyBorder="1" applyAlignment="1">
      <alignment vertical="center"/>
    </xf>
    <xf numFmtId="0" fontId="31" fillId="0" borderId="0" xfId="10" applyFont="1" applyFill="1"/>
    <xf numFmtId="0" fontId="29" fillId="0" borderId="0" xfId="10" applyFont="1" applyFill="1"/>
    <xf numFmtId="0" fontId="29" fillId="0" borderId="0" xfId="10" applyFont="1" applyFill="1" applyBorder="1"/>
    <xf numFmtId="0" fontId="29" fillId="0" borderId="15" xfId="10" applyFont="1" applyFill="1" applyBorder="1"/>
    <xf numFmtId="0" fontId="29" fillId="0" borderId="45" xfId="10" applyFont="1" applyFill="1" applyBorder="1"/>
    <xf numFmtId="0" fontId="29" fillId="0" borderId="13" xfId="10" applyFont="1" applyFill="1" applyBorder="1"/>
    <xf numFmtId="0" fontId="29" fillId="0" borderId="30" xfId="10" applyFont="1" applyFill="1" applyBorder="1"/>
    <xf numFmtId="0" fontId="29" fillId="0" borderId="25" xfId="10" applyFont="1" applyFill="1" applyBorder="1"/>
    <xf numFmtId="0" fontId="29" fillId="0" borderId="32" xfId="10" applyFont="1" applyFill="1" applyBorder="1"/>
    <xf numFmtId="0" fontId="29" fillId="0" borderId="44" xfId="10" applyFont="1" applyFill="1" applyBorder="1"/>
    <xf numFmtId="0" fontId="29" fillId="0" borderId="47" xfId="10" applyFont="1" applyFill="1" applyBorder="1"/>
    <xf numFmtId="49" fontId="6" fillId="0" borderId="43" xfId="0" applyNumberFormat="1" applyFont="1" applyFill="1" applyBorder="1" applyAlignment="1">
      <alignment horizontal="center" vertical="center"/>
    </xf>
    <xf numFmtId="49" fontId="6" fillId="0" borderId="46" xfId="0" applyNumberFormat="1" applyFont="1" applyFill="1" applyBorder="1" applyAlignment="1">
      <alignment vertical="center"/>
    </xf>
    <xf numFmtId="49" fontId="6" fillId="0" borderId="13" xfId="0" applyNumberFormat="1" applyFont="1" applyFill="1" applyBorder="1" applyAlignment="1">
      <alignment vertical="center"/>
    </xf>
    <xf numFmtId="49" fontId="6" fillId="0" borderId="47" xfId="0" applyNumberFormat="1" applyFont="1" applyFill="1" applyBorder="1" applyAlignment="1">
      <alignment vertical="center"/>
    </xf>
    <xf numFmtId="0" fontId="6" fillId="0" borderId="155" xfId="0" applyFont="1" applyFill="1" applyBorder="1" applyAlignment="1">
      <alignment vertical="center"/>
    </xf>
    <xf numFmtId="0" fontId="0" fillId="3" borderId="0" xfId="0" applyFont="1" applyFill="1" applyAlignment="1">
      <alignment vertical="center"/>
    </xf>
    <xf numFmtId="0" fontId="10" fillId="0" borderId="17" xfId="5" applyFont="1" applyFill="1" applyBorder="1" applyAlignment="1">
      <alignment vertical="center"/>
    </xf>
    <xf numFmtId="0" fontId="10" fillId="0" borderId="19" xfId="5" applyFont="1" applyFill="1" applyBorder="1" applyAlignment="1">
      <alignment vertical="center"/>
    </xf>
    <xf numFmtId="0" fontId="10" fillId="0" borderId="2" xfId="5" applyFont="1" applyFill="1" applyBorder="1" applyAlignment="1">
      <alignment vertical="center"/>
    </xf>
    <xf numFmtId="0" fontId="10" fillId="0" borderId="5" xfId="5" applyFont="1" applyFill="1" applyBorder="1" applyAlignment="1">
      <alignment vertical="center"/>
    </xf>
    <xf numFmtId="0" fontId="0" fillId="0" borderId="0" xfId="0" applyFont="1" applyFill="1" applyAlignment="1"/>
    <xf numFmtId="0" fontId="0" fillId="0" borderId="0" xfId="0" applyFill="1" applyAlignment="1">
      <alignment vertical="center"/>
    </xf>
    <xf numFmtId="0" fontId="6" fillId="0" borderId="0" xfId="0" applyFont="1" applyFill="1" applyAlignment="1"/>
    <xf numFmtId="0" fontId="6" fillId="0" borderId="23" xfId="0" applyFont="1" applyFill="1" applyBorder="1" applyAlignment="1">
      <alignment vertical="center"/>
    </xf>
    <xf numFmtId="0" fontId="6" fillId="0" borderId="21" xfId="0" applyFont="1" applyFill="1" applyBorder="1" applyAlignment="1">
      <alignment vertical="center"/>
    </xf>
    <xf numFmtId="0" fontId="6" fillId="0" borderId="33" xfId="0" applyFont="1" applyFill="1" applyBorder="1" applyAlignment="1">
      <alignment vertical="center"/>
    </xf>
    <xf numFmtId="0" fontId="6" fillId="0" borderId="34" xfId="0" applyFont="1" applyFill="1" applyBorder="1" applyAlignment="1">
      <alignment vertical="center"/>
    </xf>
    <xf numFmtId="0" fontId="6" fillId="0" borderId="38" xfId="0" applyFont="1" applyFill="1" applyBorder="1" applyAlignment="1">
      <alignment vertical="center"/>
    </xf>
    <xf numFmtId="0" fontId="6" fillId="0" borderId="39" xfId="0" applyFont="1" applyFill="1" applyBorder="1" applyAlignment="1">
      <alignment vertical="center"/>
    </xf>
    <xf numFmtId="0" fontId="6" fillId="0" borderId="4" xfId="0" applyFont="1" applyFill="1" applyBorder="1" applyAlignment="1">
      <alignment vertical="center"/>
    </xf>
    <xf numFmtId="0" fontId="6" fillId="0" borderId="2" xfId="0" applyFont="1" applyFill="1" applyBorder="1" applyAlignment="1">
      <alignment vertical="center"/>
    </xf>
    <xf numFmtId="0" fontId="6" fillId="0" borderId="5" xfId="0" applyFont="1" applyFill="1" applyBorder="1" applyAlignment="1">
      <alignment vertical="center"/>
    </xf>
    <xf numFmtId="0" fontId="6" fillId="0" borderId="16" xfId="0" applyFont="1" applyFill="1" applyBorder="1" applyAlignment="1">
      <alignment vertical="center"/>
    </xf>
    <xf numFmtId="0" fontId="6" fillId="0" borderId="17" xfId="0" applyFont="1" applyFill="1" applyBorder="1" applyAlignment="1">
      <alignment vertical="center"/>
    </xf>
    <xf numFmtId="0" fontId="6" fillId="0" borderId="19" xfId="0" applyFont="1" applyFill="1" applyBorder="1" applyAlignment="1">
      <alignment vertical="center"/>
    </xf>
    <xf numFmtId="0" fontId="6" fillId="0" borderId="36" xfId="0" applyFont="1" applyFill="1" applyBorder="1" applyAlignment="1">
      <alignment vertical="center"/>
    </xf>
    <xf numFmtId="0" fontId="6" fillId="0" borderId="37" xfId="0" applyFont="1" applyFill="1" applyBorder="1" applyAlignment="1">
      <alignment vertical="center"/>
    </xf>
    <xf numFmtId="0" fontId="6" fillId="0" borderId="45" xfId="0" applyFont="1" applyFill="1" applyBorder="1" applyAlignment="1">
      <alignment vertical="center"/>
    </xf>
    <xf numFmtId="0" fontId="6" fillId="0" borderId="41" xfId="0" applyFont="1" applyFill="1" applyBorder="1" applyAlignment="1">
      <alignment vertical="center"/>
    </xf>
    <xf numFmtId="0" fontId="6" fillId="0" borderId="0" xfId="0" applyFont="1" applyFill="1" applyBorder="1" applyAlignment="1">
      <alignment vertical="center"/>
    </xf>
    <xf numFmtId="0" fontId="0" fillId="0" borderId="0" xfId="0" applyFill="1" applyBorder="1" applyAlignment="1">
      <alignment vertical="center"/>
    </xf>
    <xf numFmtId="0" fontId="0" fillId="0" borderId="15" xfId="0" applyFill="1" applyBorder="1" applyAlignment="1">
      <alignment vertical="center"/>
    </xf>
    <xf numFmtId="0" fontId="2" fillId="0" borderId="16" xfId="7" applyFill="1" applyBorder="1" applyAlignment="1">
      <alignment vertical="center"/>
    </xf>
    <xf numFmtId="0" fontId="0" fillId="0" borderId="17" xfId="0" applyFill="1" applyBorder="1" applyAlignment="1">
      <alignment vertical="center"/>
    </xf>
    <xf numFmtId="0" fontId="6" fillId="0" borderId="17" xfId="0" applyFont="1" applyFill="1" applyBorder="1" applyAlignment="1">
      <alignment horizontal="left" vertical="center"/>
    </xf>
    <xf numFmtId="0" fontId="6" fillId="0" borderId="30" xfId="0" applyFont="1" applyFill="1" applyBorder="1" applyAlignment="1">
      <alignment vertical="center"/>
    </xf>
    <xf numFmtId="0" fontId="0" fillId="0" borderId="41" xfId="0" applyFill="1" applyBorder="1" applyAlignment="1">
      <alignment vertical="center"/>
    </xf>
    <xf numFmtId="0" fontId="6" fillId="0" borderId="15" xfId="0" applyFont="1" applyFill="1" applyBorder="1" applyAlignment="1">
      <alignment vertical="center"/>
    </xf>
    <xf numFmtId="0" fontId="0" fillId="0" borderId="13" xfId="0" applyFill="1" applyBorder="1" applyAlignment="1">
      <alignment vertical="center"/>
    </xf>
    <xf numFmtId="0" fontId="0" fillId="0" borderId="0" xfId="0" applyFill="1" applyBorder="1" applyAlignment="1">
      <alignment horizontal="center" vertical="center"/>
    </xf>
    <xf numFmtId="0" fontId="6" fillId="0" borderId="0" xfId="0" applyFont="1" applyFill="1" applyAlignment="1">
      <alignment vertical="center"/>
    </xf>
    <xf numFmtId="0" fontId="6" fillId="0" borderId="6" xfId="0" applyFont="1" applyFill="1" applyBorder="1" applyAlignment="1">
      <alignment vertical="center"/>
    </xf>
    <xf numFmtId="0" fontId="6" fillId="0" borderId="7" xfId="0" applyFont="1" applyFill="1" applyBorder="1" applyAlignment="1">
      <alignment vertical="center"/>
    </xf>
    <xf numFmtId="0" fontId="6" fillId="0" borderId="43" xfId="0" applyFont="1" applyFill="1" applyBorder="1" applyAlignment="1">
      <alignment vertical="center"/>
    </xf>
    <xf numFmtId="0" fontId="0" fillId="0" borderId="0" xfId="0" applyFill="1" applyAlignment="1">
      <alignment vertical="center"/>
    </xf>
    <xf numFmtId="0" fontId="6" fillId="0" borderId="40" xfId="0" applyFont="1" applyFill="1" applyBorder="1" applyAlignment="1">
      <alignment vertical="center"/>
    </xf>
    <xf numFmtId="0" fontId="6" fillId="0" borderId="42" xfId="0" applyFont="1" applyFill="1" applyBorder="1" applyAlignment="1">
      <alignment vertical="center"/>
    </xf>
    <xf numFmtId="0" fontId="6" fillId="0" borderId="35" xfId="0" applyFont="1" applyFill="1" applyBorder="1" applyAlignment="1">
      <alignment vertical="center"/>
    </xf>
    <xf numFmtId="0" fontId="0" fillId="0" borderId="0" xfId="0" applyFill="1" applyAlignment="1">
      <alignment horizontal="center" vertical="center"/>
    </xf>
    <xf numFmtId="0" fontId="6" fillId="0" borderId="13" xfId="0" applyFont="1" applyFill="1" applyBorder="1" applyAlignment="1">
      <alignment vertical="center"/>
    </xf>
    <xf numFmtId="0" fontId="6" fillId="0" borderId="25" xfId="0" applyFont="1" applyFill="1" applyBorder="1" applyAlignment="1">
      <alignment vertical="center"/>
    </xf>
    <xf numFmtId="0" fontId="6" fillId="0" borderId="44" xfId="0" applyFont="1" applyFill="1" applyBorder="1" applyAlignment="1">
      <alignment vertical="center"/>
    </xf>
    <xf numFmtId="0" fontId="6" fillId="0" borderId="19" xfId="0" applyFont="1" applyFill="1" applyBorder="1" applyAlignment="1">
      <alignment horizontal="right" vertical="center"/>
    </xf>
    <xf numFmtId="0" fontId="6" fillId="0" borderId="4" xfId="0" applyFont="1" applyFill="1" applyBorder="1" applyAlignment="1">
      <alignment horizontal="center" vertical="center" wrapText="1" shrinkToFit="1"/>
    </xf>
    <xf numFmtId="0" fontId="6" fillId="0" borderId="0" xfId="6" applyFont="1" applyFill="1" applyAlignment="1">
      <alignment horizontal="left" vertical="center"/>
    </xf>
    <xf numFmtId="0" fontId="6" fillId="0" borderId="0" xfId="6" applyFont="1" applyFill="1" applyAlignment="1">
      <alignment horizontal="left"/>
    </xf>
    <xf numFmtId="0" fontId="6" fillId="0" borderId="0" xfId="6" applyFont="1" applyFill="1"/>
    <xf numFmtId="0" fontId="2" fillId="0" borderId="0" xfId="6" applyFill="1"/>
    <xf numFmtId="0" fontId="2" fillId="0" borderId="57" xfId="5" applyFont="1" applyFill="1" applyBorder="1" applyAlignment="1">
      <alignment horizontal="center" vertical="center" wrapText="1"/>
    </xf>
    <xf numFmtId="0" fontId="2" fillId="0" borderId="18" xfId="5" applyFont="1" applyFill="1" applyBorder="1" applyAlignment="1">
      <alignment horizontal="center" vertical="center" wrapText="1"/>
    </xf>
    <xf numFmtId="0" fontId="2" fillId="0" borderId="14" xfId="5" applyFont="1" applyFill="1" applyBorder="1" applyAlignment="1">
      <alignment horizontal="center" vertical="center" wrapText="1"/>
    </xf>
    <xf numFmtId="0" fontId="7" fillId="0" borderId="13" xfId="6" applyFont="1" applyFill="1" applyBorder="1" applyAlignment="1"/>
    <xf numFmtId="0" fontId="33" fillId="0" borderId="13" xfId="6" applyFont="1" applyFill="1" applyBorder="1" applyAlignment="1"/>
    <xf numFmtId="0" fontId="6" fillId="0" borderId="16" xfId="5" applyFont="1" applyFill="1" applyBorder="1" applyAlignment="1">
      <alignment vertical="center"/>
    </xf>
    <xf numFmtId="180" fontId="2" fillId="0" borderId="18" xfId="1" applyNumberFormat="1" applyFont="1" applyFill="1" applyBorder="1" applyAlignment="1">
      <alignment horizontal="left" vertical="center"/>
    </xf>
    <xf numFmtId="180" fontId="2" fillId="0" borderId="29" xfId="1" applyNumberFormat="1" applyFont="1" applyFill="1" applyBorder="1" applyAlignment="1">
      <alignment horizontal="left" vertical="center"/>
    </xf>
    <xf numFmtId="0" fontId="6" fillId="0" borderId="0" xfId="0" applyFont="1" applyFill="1"/>
    <xf numFmtId="0" fontId="6" fillId="0" borderId="66" xfId="0" applyFont="1" applyFill="1" applyBorder="1"/>
    <xf numFmtId="0" fontId="6" fillId="0" borderId="67" xfId="0" applyFont="1" applyFill="1" applyBorder="1"/>
    <xf numFmtId="0" fontId="0" fillId="0" borderId="0" xfId="0" applyFill="1"/>
    <xf numFmtId="0" fontId="6" fillId="0" borderId="0" xfId="0" applyFont="1" applyFill="1" applyBorder="1"/>
    <xf numFmtId="0" fontId="6" fillId="0" borderId="41" xfId="0" applyFont="1" applyFill="1" applyBorder="1"/>
    <xf numFmtId="0" fontId="6" fillId="0" borderId="70" xfId="0" applyFont="1" applyFill="1" applyBorder="1"/>
    <xf numFmtId="0" fontId="6" fillId="0" borderId="71" xfId="0" applyFont="1" applyFill="1" applyBorder="1"/>
    <xf numFmtId="0" fontId="6" fillId="0" borderId="13" xfId="0" applyFont="1" applyFill="1" applyBorder="1"/>
    <xf numFmtId="0" fontId="2" fillId="0" borderId="0" xfId="3" applyFill="1"/>
    <xf numFmtId="0" fontId="6" fillId="0" borderId="0" xfId="3" applyFont="1" applyFill="1" applyAlignment="1">
      <alignment horizontal="right"/>
    </xf>
    <xf numFmtId="0" fontId="2" fillId="0" borderId="25" xfId="7" applyFill="1" applyBorder="1" applyAlignment="1">
      <alignment vertical="center"/>
    </xf>
    <xf numFmtId="0" fontId="2" fillId="0" borderId="18" xfId="7" applyFill="1" applyBorder="1" applyAlignment="1">
      <alignment vertical="center" shrinkToFit="1"/>
    </xf>
    <xf numFmtId="0" fontId="2" fillId="0" borderId="34" xfId="7" applyFont="1" applyFill="1" applyBorder="1" applyAlignment="1">
      <alignment vertical="center"/>
    </xf>
    <xf numFmtId="0" fontId="2" fillId="0" borderId="43" xfId="7" applyFill="1" applyBorder="1" applyAlignment="1">
      <alignment vertical="center"/>
    </xf>
    <xf numFmtId="0" fontId="2" fillId="0" borderId="35" xfId="7" applyFill="1" applyBorder="1" applyAlignment="1">
      <alignment vertical="center"/>
    </xf>
    <xf numFmtId="0" fontId="2" fillId="0" borderId="36" xfId="7" applyFill="1" applyBorder="1" applyAlignment="1">
      <alignment vertical="center"/>
    </xf>
    <xf numFmtId="0" fontId="6" fillId="0" borderId="64" xfId="0" applyFont="1" applyFill="1" applyBorder="1" applyAlignment="1">
      <alignment horizontal="center" vertical="center" shrinkToFit="1"/>
    </xf>
    <xf numFmtId="0" fontId="6" fillId="0" borderId="17" xfId="0" applyFont="1" applyFill="1" applyBorder="1" applyAlignment="1">
      <alignment vertical="center" shrinkToFit="1"/>
    </xf>
    <xf numFmtId="0" fontId="6" fillId="0" borderId="8" xfId="0" applyFont="1" applyFill="1" applyBorder="1" applyAlignment="1">
      <alignment vertical="center"/>
    </xf>
    <xf numFmtId="0" fontId="10" fillId="0" borderId="11" xfId="0" applyFont="1" applyFill="1" applyBorder="1" applyAlignment="1">
      <alignment horizontal="center" vertical="center" wrapText="1"/>
    </xf>
    <xf numFmtId="0" fontId="6" fillId="0" borderId="7" xfId="0" applyFont="1" applyFill="1" applyBorder="1" applyAlignment="1">
      <alignment horizontal="right" vertical="center"/>
    </xf>
    <xf numFmtId="0" fontId="10" fillId="0" borderId="7" xfId="0" applyFont="1" applyFill="1" applyBorder="1" applyAlignment="1">
      <alignment horizontal="center" vertical="center" wrapText="1"/>
    </xf>
    <xf numFmtId="0" fontId="6" fillId="0" borderId="17" xfId="0" applyFont="1" applyFill="1" applyBorder="1" applyAlignment="1">
      <alignment horizontal="right" vertical="center"/>
    </xf>
    <xf numFmtId="0" fontId="6" fillId="0" borderId="32" xfId="0" applyFont="1" applyFill="1" applyBorder="1" applyAlignment="1">
      <alignment horizontal="right" vertical="center"/>
    </xf>
    <xf numFmtId="0" fontId="0" fillId="0" borderId="103" xfId="0" applyFont="1" applyFill="1" applyBorder="1" applyAlignment="1">
      <alignment vertical="center"/>
    </xf>
    <xf numFmtId="0" fontId="0" fillId="0" borderId="104" xfId="0" applyFont="1" applyFill="1" applyBorder="1" applyAlignment="1">
      <alignment vertical="center"/>
    </xf>
    <xf numFmtId="0" fontId="6" fillId="0" borderId="18" xfId="0" applyFont="1" applyFill="1" applyBorder="1" applyAlignment="1">
      <alignment vertical="center" wrapText="1"/>
    </xf>
    <xf numFmtId="0" fontId="0" fillId="0" borderId="0" xfId="0" applyFill="1" applyBorder="1" applyAlignment="1">
      <alignment vertical="center" wrapText="1"/>
    </xf>
    <xf numFmtId="0" fontId="6" fillId="0" borderId="29" xfId="0" applyFont="1" applyFill="1" applyBorder="1" applyAlignment="1">
      <alignment vertical="center"/>
    </xf>
    <xf numFmtId="0" fontId="6" fillId="0" borderId="29" xfId="0" applyFont="1" applyFill="1" applyBorder="1" applyAlignment="1">
      <alignment vertical="center" wrapText="1"/>
    </xf>
    <xf numFmtId="0" fontId="0" fillId="0" borderId="0" xfId="0" applyFill="1" applyAlignment="1">
      <alignment vertical="center" wrapText="1"/>
    </xf>
    <xf numFmtId="0" fontId="2" fillId="0" borderId="33" xfId="6" applyFont="1" applyFill="1" applyBorder="1" applyAlignment="1">
      <alignment vertical="top"/>
    </xf>
    <xf numFmtId="0" fontId="2" fillId="0" borderId="36" xfId="6" applyFont="1" applyFill="1" applyBorder="1" applyAlignment="1">
      <alignment vertical="top"/>
    </xf>
    <xf numFmtId="0" fontId="2" fillId="0" borderId="37" xfId="6" applyFont="1" applyFill="1" applyBorder="1" applyAlignment="1">
      <alignment vertical="top"/>
    </xf>
    <xf numFmtId="0" fontId="2" fillId="0" borderId="0" xfId="6" applyFont="1" applyFill="1" applyBorder="1" applyAlignment="1">
      <alignment vertical="top"/>
    </xf>
    <xf numFmtId="0" fontId="2" fillId="0" borderId="16" xfId="6" applyFont="1" applyFill="1" applyBorder="1" applyAlignment="1">
      <alignment horizontal="right" vertical="center"/>
    </xf>
    <xf numFmtId="0" fontId="0" fillId="0" borderId="19" xfId="0" applyFill="1" applyBorder="1" applyAlignment="1">
      <alignment horizontal="right" vertical="center"/>
    </xf>
    <xf numFmtId="0" fontId="2" fillId="0" borderId="38" xfId="6" applyFont="1" applyFill="1" applyBorder="1" applyAlignment="1">
      <alignment vertical="top"/>
    </xf>
    <xf numFmtId="0" fontId="2" fillId="0" borderId="41" xfId="6" applyFont="1" applyFill="1" applyBorder="1" applyAlignment="1">
      <alignment vertical="top"/>
    </xf>
    <xf numFmtId="0" fontId="2" fillId="0" borderId="42" xfId="6" applyFont="1" applyFill="1" applyBorder="1" applyAlignment="1">
      <alignment vertical="top"/>
    </xf>
    <xf numFmtId="0" fontId="2" fillId="0" borderId="15" xfId="6" applyFont="1" applyFill="1" applyBorder="1" applyAlignment="1">
      <alignment vertical="top"/>
    </xf>
    <xf numFmtId="0" fontId="2" fillId="0" borderId="44" xfId="6" applyFont="1" applyFill="1" applyBorder="1" applyAlignment="1">
      <alignment vertical="top"/>
    </xf>
    <xf numFmtId="0" fontId="2" fillId="0" borderId="11" xfId="6" applyFont="1" applyFill="1" applyBorder="1" applyAlignment="1">
      <alignment horizontal="right" vertical="center"/>
    </xf>
    <xf numFmtId="0" fontId="0" fillId="0" borderId="12" xfId="0" applyFill="1" applyBorder="1" applyAlignment="1">
      <alignment horizontal="right" vertical="center"/>
    </xf>
    <xf numFmtId="0" fontId="2" fillId="0" borderId="45" xfId="6" applyFont="1" applyFill="1" applyBorder="1" applyAlignment="1">
      <alignment vertical="top"/>
    </xf>
    <xf numFmtId="0" fontId="2" fillId="0" borderId="13" xfId="6" applyFont="1" applyFill="1" applyBorder="1" applyAlignment="1">
      <alignment vertical="top"/>
    </xf>
    <xf numFmtId="0" fontId="2" fillId="0" borderId="47" xfId="6" applyFont="1" applyFill="1" applyBorder="1" applyAlignment="1">
      <alignment vertical="top"/>
    </xf>
    <xf numFmtId="0" fontId="6" fillId="0" borderId="97" xfId="0" applyFont="1" applyFill="1" applyBorder="1" applyAlignment="1">
      <alignment horizontal="center" vertical="center"/>
    </xf>
    <xf numFmtId="0" fontId="6" fillId="0" borderId="103" xfId="0" applyFont="1" applyFill="1" applyBorder="1" applyAlignment="1">
      <alignment horizontal="center" vertical="center"/>
    </xf>
    <xf numFmtId="0" fontId="6" fillId="0" borderId="4" xfId="0" applyFont="1" applyFill="1" applyBorder="1" applyAlignment="1">
      <alignment vertical="center"/>
    </xf>
    <xf numFmtId="0" fontId="6" fillId="0" borderId="0" xfId="0" applyFont="1" applyFill="1" applyBorder="1" applyAlignment="1"/>
    <xf numFmtId="0" fontId="6" fillId="0" borderId="0" xfId="0" applyFont="1" applyFill="1" applyAlignment="1"/>
    <xf numFmtId="0" fontId="6" fillId="0" borderId="0" xfId="0" applyFont="1" applyFill="1" applyBorder="1" applyAlignment="1">
      <alignment vertical="top"/>
    </xf>
    <xf numFmtId="0" fontId="10" fillId="0" borderId="0" xfId="0" applyFont="1" applyFill="1" applyAlignment="1"/>
    <xf numFmtId="0" fontId="10" fillId="0" borderId="18" xfId="0" applyFont="1" applyFill="1" applyBorder="1" applyAlignment="1">
      <alignment horizontal="center" vertical="center"/>
    </xf>
    <xf numFmtId="0" fontId="10" fillId="0" borderId="16" xfId="0" applyFont="1" applyFill="1" applyBorder="1" applyAlignment="1">
      <alignment vertical="center"/>
    </xf>
    <xf numFmtId="0" fontId="6" fillId="0" borderId="0" xfId="0" applyFont="1" applyFill="1" applyBorder="1" applyAlignment="1">
      <alignment vertical="center"/>
    </xf>
    <xf numFmtId="0" fontId="5" fillId="0" borderId="0" xfId="0" applyFont="1" applyFill="1" applyBorder="1" applyAlignment="1">
      <alignment vertical="center"/>
    </xf>
    <xf numFmtId="0" fontId="30" fillId="0" borderId="0" xfId="0" applyFont="1" applyFill="1" applyAlignment="1">
      <alignment vertical="center"/>
    </xf>
    <xf numFmtId="0" fontId="10" fillId="0" borderId="57" xfId="8" applyNumberFormat="1" applyFont="1" applyFill="1" applyBorder="1" applyAlignment="1">
      <alignment horizontal="center" vertical="center" shrinkToFit="1"/>
    </xf>
    <xf numFmtId="0" fontId="6" fillId="0" borderId="74" xfId="8" applyNumberFormat="1" applyFont="1" applyFill="1" applyBorder="1" applyAlignment="1">
      <alignment horizontal="center" vertical="center"/>
    </xf>
    <xf numFmtId="49" fontId="6" fillId="0" borderId="20" xfId="0" quotePrefix="1" applyNumberFormat="1" applyFont="1" applyFill="1" applyBorder="1" applyAlignment="1">
      <alignment horizontal="right" vertical="center"/>
    </xf>
    <xf numFmtId="49" fontId="6" fillId="0" borderId="105" xfId="0" quotePrefix="1" applyNumberFormat="1" applyFont="1" applyFill="1" applyBorder="1" applyAlignment="1">
      <alignment horizontal="right" vertical="center"/>
    </xf>
    <xf numFmtId="49" fontId="6" fillId="0" borderId="106" xfId="0" quotePrefix="1" applyNumberFormat="1" applyFont="1" applyFill="1" applyBorder="1" applyAlignment="1">
      <alignment horizontal="right" vertical="center"/>
    </xf>
    <xf numFmtId="49" fontId="6" fillId="0" borderId="28" xfId="0" quotePrefix="1" applyNumberFormat="1" applyFont="1" applyFill="1" applyBorder="1" applyAlignment="1">
      <alignment horizontal="right" vertical="center"/>
    </xf>
    <xf numFmtId="0" fontId="6" fillId="0" borderId="13" xfId="0" applyFont="1" applyFill="1" applyBorder="1" applyAlignment="1">
      <alignment horizontal="left" vertical="center"/>
    </xf>
    <xf numFmtId="0" fontId="10" fillId="0" borderId="13" xfId="0" applyFont="1" applyFill="1" applyBorder="1" applyAlignment="1">
      <alignment vertical="center"/>
    </xf>
    <xf numFmtId="0" fontId="10" fillId="0" borderId="17" xfId="0" applyFont="1" applyFill="1" applyBorder="1" applyAlignment="1">
      <alignment horizontal="center" vertical="center" shrinkToFit="1"/>
    </xf>
    <xf numFmtId="0" fontId="0" fillId="0" borderId="36" xfId="0" applyFont="1" applyFill="1" applyBorder="1" applyAlignment="1">
      <alignment vertical="center"/>
    </xf>
    <xf numFmtId="0" fontId="0" fillId="0" borderId="0" xfId="0" applyFont="1" applyFill="1" applyBorder="1" applyAlignment="1">
      <alignment vertical="center"/>
    </xf>
    <xf numFmtId="0" fontId="0" fillId="0" borderId="41" xfId="0" applyFont="1" applyFill="1" applyBorder="1" applyAlignment="1">
      <alignment vertical="center"/>
    </xf>
    <xf numFmtId="0" fontId="23" fillId="0" borderId="41" xfId="11" applyFont="1" applyFill="1" applyBorder="1" applyAlignment="1">
      <alignment vertical="center"/>
    </xf>
    <xf numFmtId="0" fontId="0" fillId="0" borderId="25" xfId="0" applyFont="1" applyFill="1" applyBorder="1" applyAlignment="1">
      <alignment vertical="center"/>
    </xf>
    <xf numFmtId="0" fontId="23" fillId="0" borderId="0" xfId="11" applyFont="1" applyFill="1" applyBorder="1" applyAlignment="1">
      <alignment vertical="center"/>
    </xf>
    <xf numFmtId="0" fontId="29" fillId="0" borderId="36" xfId="10" applyFont="1" applyFill="1" applyBorder="1" applyAlignment="1">
      <alignment horizontal="center" vertical="center"/>
    </xf>
    <xf numFmtId="0" fontId="2" fillId="0" borderId="0" xfId="15" applyFont="1" applyFill="1" applyAlignment="1">
      <alignment vertical="center"/>
    </xf>
    <xf numFmtId="0" fontId="2" fillId="0" borderId="30" xfId="15" applyFont="1" applyFill="1" applyBorder="1" applyAlignment="1">
      <alignment vertical="center"/>
    </xf>
    <xf numFmtId="38" fontId="34" fillId="0" borderId="25" xfId="14" applyFont="1" applyFill="1" applyBorder="1" applyAlignment="1">
      <alignment vertical="center"/>
    </xf>
    <xf numFmtId="0" fontId="2" fillId="0" borderId="25" xfId="15" applyFont="1" applyFill="1" applyBorder="1" applyAlignment="1">
      <alignment vertical="center"/>
    </xf>
    <xf numFmtId="0" fontId="2" fillId="0" borderId="0" xfId="15" applyFill="1" applyAlignment="1">
      <alignment vertical="center"/>
    </xf>
    <xf numFmtId="0" fontId="2" fillId="0" borderId="15" xfId="15" applyFont="1" applyFill="1" applyBorder="1" applyAlignment="1">
      <alignment vertical="center"/>
    </xf>
    <xf numFmtId="0" fontId="2" fillId="0" borderId="0" xfId="15" applyFont="1" applyFill="1" applyBorder="1" applyAlignment="1">
      <alignment vertical="center"/>
    </xf>
    <xf numFmtId="0" fontId="2" fillId="0" borderId="0" xfId="15" applyFont="1" applyFill="1" applyBorder="1" applyAlignment="1">
      <alignment horizontal="center"/>
    </xf>
    <xf numFmtId="0" fontId="2" fillId="0" borderId="0" xfId="15" applyFill="1" applyBorder="1" applyAlignment="1">
      <alignment vertical="center"/>
    </xf>
    <xf numFmtId="0" fontId="29" fillId="0" borderId="0" xfId="10" applyFont="1" applyFill="1" applyAlignment="1">
      <alignment horizontal="center" vertical="center"/>
    </xf>
    <xf numFmtId="181" fontId="23" fillId="0" borderId="0" xfId="11" applyNumberFormat="1" applyFont="1" applyFill="1" applyBorder="1" applyAlignment="1">
      <alignment vertical="center"/>
    </xf>
    <xf numFmtId="0" fontId="9" fillId="0" borderId="7" xfId="2" applyFont="1" applyFill="1" applyBorder="1" applyAlignment="1">
      <alignment horizontal="center" vertical="center"/>
    </xf>
    <xf numFmtId="180" fontId="2" fillId="0" borderId="57" xfId="1" applyNumberFormat="1" applyFont="1" applyFill="1" applyBorder="1" applyAlignment="1">
      <alignment horizontal="left" vertical="center"/>
    </xf>
    <xf numFmtId="0" fontId="9" fillId="0" borderId="41" xfId="2" applyFont="1" applyFill="1" applyBorder="1" applyAlignment="1">
      <alignment vertical="center"/>
    </xf>
    <xf numFmtId="0" fontId="9" fillId="0" borderId="41" xfId="2" applyFont="1" applyFill="1" applyBorder="1" applyAlignment="1">
      <alignment horizontal="right" vertical="center"/>
    </xf>
    <xf numFmtId="0" fontId="9" fillId="0" borderId="41" xfId="2" applyFont="1" applyFill="1" applyBorder="1" applyAlignment="1">
      <alignment horizontal="center" vertical="center"/>
    </xf>
    <xf numFmtId="0" fontId="9" fillId="0" borderId="39" xfId="1" applyFont="1" applyFill="1" applyBorder="1" applyAlignment="1">
      <alignment vertical="center"/>
    </xf>
    <xf numFmtId="0" fontId="2" fillId="0" borderId="160" xfId="1" applyFont="1" applyFill="1" applyBorder="1" applyAlignment="1">
      <alignment vertical="center"/>
    </xf>
    <xf numFmtId="0" fontId="6" fillId="4" borderId="0" xfId="3" applyFont="1" applyFill="1"/>
    <xf numFmtId="0" fontId="6" fillId="4" borderId="11" xfId="0" applyFont="1" applyFill="1" applyBorder="1" applyAlignment="1">
      <alignment vertical="center"/>
    </xf>
    <xf numFmtId="0" fontId="6" fillId="4" borderId="102" xfId="0" applyFont="1" applyFill="1" applyBorder="1" applyAlignment="1">
      <alignment vertical="center"/>
    </xf>
    <xf numFmtId="0" fontId="6" fillId="4" borderId="105" xfId="0" applyFont="1" applyFill="1" applyBorder="1" applyAlignment="1">
      <alignment vertical="center"/>
    </xf>
    <xf numFmtId="0" fontId="6" fillId="4" borderId="16" xfId="0" applyFont="1" applyFill="1" applyBorder="1" applyAlignment="1">
      <alignment vertical="center"/>
    </xf>
    <xf numFmtId="0" fontId="6" fillId="4" borderId="17" xfId="0" applyFont="1" applyFill="1" applyBorder="1" applyAlignment="1">
      <alignment vertical="center"/>
    </xf>
    <xf numFmtId="0" fontId="6" fillId="4" borderId="19" xfId="0" applyFont="1" applyFill="1" applyBorder="1" applyAlignment="1">
      <alignment vertical="center"/>
    </xf>
    <xf numFmtId="0" fontId="6" fillId="4" borderId="7" xfId="0" applyFont="1" applyFill="1" applyBorder="1" applyAlignment="1">
      <alignment vertical="center"/>
    </xf>
    <xf numFmtId="0" fontId="6" fillId="4" borderId="7" xfId="0" applyFont="1" applyFill="1" applyBorder="1" applyAlignment="1">
      <alignment vertical="center" wrapText="1"/>
    </xf>
    <xf numFmtId="0" fontId="6" fillId="4" borderId="56" xfId="0" applyFont="1" applyFill="1" applyBorder="1" applyAlignment="1">
      <alignment horizontal="center" vertical="center"/>
    </xf>
    <xf numFmtId="0" fontId="6" fillId="4" borderId="18" xfId="0" applyFont="1" applyFill="1" applyBorder="1" applyAlignment="1">
      <alignment horizontal="center" vertical="center"/>
    </xf>
    <xf numFmtId="0" fontId="10" fillId="4" borderId="40" xfId="0" applyFont="1" applyFill="1" applyBorder="1" applyAlignment="1">
      <alignment horizontal="center" vertical="center" shrinkToFit="1"/>
    </xf>
    <xf numFmtId="0" fontId="10" fillId="4" borderId="11" xfId="0" applyFont="1" applyFill="1" applyBorder="1" applyAlignment="1">
      <alignment horizontal="center" vertical="center" shrinkToFit="1"/>
    </xf>
    <xf numFmtId="0" fontId="2" fillId="4" borderId="4" xfId="6" applyFill="1" applyBorder="1" applyAlignment="1">
      <alignment horizontal="center" vertical="center"/>
    </xf>
    <xf numFmtId="0" fontId="2" fillId="4" borderId="16" xfId="6" applyFill="1" applyBorder="1" applyAlignment="1">
      <alignment horizontal="center" vertical="center"/>
    </xf>
    <xf numFmtId="0" fontId="7" fillId="0" borderId="0" xfId="1" applyFont="1" applyFill="1" applyAlignment="1">
      <alignment horizontal="left" vertical="center"/>
    </xf>
    <xf numFmtId="0" fontId="37" fillId="0" borderId="0" xfId="16" applyFont="1"/>
    <xf numFmtId="0" fontId="38" fillId="0" borderId="0" xfId="16" applyFont="1"/>
    <xf numFmtId="0" fontId="39" fillId="0" borderId="0" xfId="16" applyFont="1"/>
    <xf numFmtId="0" fontId="37" fillId="0" borderId="0" xfId="16" applyFont="1" applyAlignment="1">
      <alignment vertical="center"/>
    </xf>
    <xf numFmtId="0" fontId="16" fillId="0" borderId="0" xfId="16" applyFont="1" applyAlignment="1">
      <alignment vertical="center"/>
    </xf>
    <xf numFmtId="0" fontId="16" fillId="0" borderId="0" xfId="16" applyFont="1" applyAlignment="1">
      <alignment vertical="center" wrapText="1"/>
    </xf>
    <xf numFmtId="0" fontId="38" fillId="0" borderId="0" xfId="16" applyFont="1" applyAlignment="1">
      <alignment horizontal="right" vertical="center"/>
    </xf>
    <xf numFmtId="0" fontId="37" fillId="0" borderId="102" xfId="16" applyFont="1" applyBorder="1" applyAlignment="1">
      <alignment horizontal="center" vertical="center" shrinkToFit="1"/>
    </xf>
    <xf numFmtId="0" fontId="37" fillId="0" borderId="14" xfId="16" applyFont="1" applyBorder="1" applyAlignment="1">
      <alignment horizontal="center" vertical="center" shrinkToFit="1"/>
    </xf>
    <xf numFmtId="0" fontId="37" fillId="0" borderId="14" xfId="16" applyFont="1" applyBorder="1" applyAlignment="1">
      <alignment vertical="center" shrinkToFit="1"/>
    </xf>
    <xf numFmtId="0" fontId="44" fillId="0" borderId="14" xfId="16" applyFont="1" applyBorder="1" applyAlignment="1">
      <alignment horizontal="center" vertical="center" shrinkToFit="1"/>
    </xf>
    <xf numFmtId="0" fontId="44" fillId="0" borderId="4" xfId="16" applyFont="1" applyBorder="1" applyAlignment="1">
      <alignment horizontal="center" vertical="center" shrinkToFit="1"/>
    </xf>
    <xf numFmtId="0" fontId="37" fillId="0" borderId="174" xfId="16" applyFont="1" applyBorder="1" applyAlignment="1">
      <alignment vertical="center" shrinkToFit="1"/>
    </xf>
    <xf numFmtId="0" fontId="37" fillId="0" borderId="175" xfId="16" applyFont="1" applyBorder="1" applyAlignment="1">
      <alignment horizontal="center" vertical="center" shrinkToFit="1"/>
    </xf>
    <xf numFmtId="0" fontId="37" fillId="0" borderId="175" xfId="16" applyFont="1" applyBorder="1" applyAlignment="1">
      <alignment horizontal="center" vertical="center" wrapText="1" shrinkToFit="1"/>
    </xf>
    <xf numFmtId="0" fontId="37" fillId="0" borderId="105" xfId="16" applyFont="1" applyBorder="1" applyAlignment="1">
      <alignment horizontal="center" vertical="center" shrinkToFit="1"/>
    </xf>
    <xf numFmtId="0" fontId="37" fillId="0" borderId="18" xfId="16" applyFont="1" applyBorder="1" applyAlignment="1">
      <alignment horizontal="center" vertical="center" shrinkToFit="1"/>
    </xf>
    <xf numFmtId="0" fontId="37" fillId="0" borderId="18" xfId="16" applyFont="1" applyBorder="1" applyAlignment="1">
      <alignment vertical="center" shrinkToFit="1"/>
    </xf>
    <xf numFmtId="0" fontId="44" fillId="0" borderId="18" xfId="16" applyFont="1" applyBorder="1" applyAlignment="1">
      <alignment horizontal="center" vertical="center" shrinkToFit="1"/>
    </xf>
    <xf numFmtId="0" fontId="44" fillId="0" borderId="16" xfId="16" applyFont="1" applyBorder="1" applyAlignment="1">
      <alignment horizontal="center" vertical="center" shrinkToFit="1"/>
    </xf>
    <xf numFmtId="0" fontId="37" fillId="0" borderId="177" xfId="16" applyFont="1" applyBorder="1" applyAlignment="1">
      <alignment horizontal="center" vertical="center" shrinkToFit="1"/>
    </xf>
    <xf numFmtId="0" fontId="37" fillId="0" borderId="178" xfId="16" applyFont="1" applyBorder="1" applyAlignment="1">
      <alignment horizontal="center" vertical="center" shrinkToFit="1"/>
    </xf>
    <xf numFmtId="0" fontId="37" fillId="0" borderId="178" xfId="16" applyFont="1" applyBorder="1" applyAlignment="1">
      <alignment horizontal="center" vertical="center" wrapText="1" shrinkToFit="1"/>
    </xf>
    <xf numFmtId="0" fontId="44" fillId="0" borderId="40" xfId="16" applyFont="1" applyBorder="1" applyAlignment="1">
      <alignment horizontal="center" vertical="center" shrinkToFit="1"/>
    </xf>
    <xf numFmtId="0" fontId="37" fillId="0" borderId="17" xfId="16" applyFont="1" applyBorder="1" applyAlignment="1">
      <alignment horizontal="center" vertical="center" shrinkToFit="1"/>
    </xf>
    <xf numFmtId="0" fontId="37" fillId="0" borderId="20" xfId="16" applyFont="1" applyBorder="1" applyAlignment="1">
      <alignment horizontal="center" vertical="center" shrinkToFit="1"/>
    </xf>
    <xf numFmtId="0" fontId="37" fillId="0" borderId="57" xfId="16" applyFont="1" applyBorder="1" applyAlignment="1">
      <alignment horizontal="center" vertical="center" shrinkToFit="1"/>
    </xf>
    <xf numFmtId="0" fontId="37" fillId="0" borderId="57" xfId="16" applyFont="1" applyBorder="1" applyAlignment="1">
      <alignment vertical="center" shrinkToFit="1"/>
    </xf>
    <xf numFmtId="0" fontId="44" fillId="0" borderId="57" xfId="16" applyFont="1" applyBorder="1" applyAlignment="1">
      <alignment horizontal="center" vertical="center" shrinkToFit="1"/>
    </xf>
    <xf numFmtId="0" fontId="37" fillId="0" borderId="180" xfId="16" applyFont="1" applyBorder="1" applyAlignment="1">
      <alignment horizontal="center" vertical="center" shrinkToFit="1"/>
    </xf>
    <xf numFmtId="0" fontId="37" fillId="0" borderId="181" xfId="16" applyFont="1" applyBorder="1" applyAlignment="1">
      <alignment horizontal="center" vertical="center" shrinkToFit="1"/>
    </xf>
    <xf numFmtId="0" fontId="37" fillId="0" borderId="181" xfId="16" applyFont="1" applyBorder="1" applyAlignment="1">
      <alignment horizontal="center" vertical="center" wrapText="1" shrinkToFit="1"/>
    </xf>
    <xf numFmtId="0" fontId="37" fillId="0" borderId="0" xfId="16" applyFont="1" applyAlignment="1">
      <alignment horizontal="left" vertical="center" textRotation="180"/>
    </xf>
    <xf numFmtId="0" fontId="37" fillId="0" borderId="28" xfId="16" applyFont="1" applyBorder="1" applyAlignment="1">
      <alignment horizontal="center" vertical="center" shrinkToFit="1"/>
    </xf>
    <xf numFmtId="0" fontId="37" fillId="0" borderId="58" xfId="16" applyFont="1" applyBorder="1" applyAlignment="1">
      <alignment horizontal="center" vertical="center" shrinkToFit="1"/>
    </xf>
    <xf numFmtId="0" fontId="37" fillId="0" borderId="58" xfId="16" applyFont="1" applyBorder="1" applyAlignment="1">
      <alignment vertical="center" shrinkToFit="1"/>
    </xf>
    <xf numFmtId="0" fontId="44" fillId="0" borderId="58" xfId="16" applyFont="1" applyBorder="1" applyAlignment="1">
      <alignment horizontal="center" vertical="center" shrinkToFit="1"/>
    </xf>
    <xf numFmtId="0" fontId="44" fillId="0" borderId="46" xfId="16" applyFont="1" applyBorder="1" applyAlignment="1">
      <alignment horizontal="center" vertical="center" shrinkToFit="1"/>
    </xf>
    <xf numFmtId="0" fontId="37" fillId="0" borderId="171" xfId="16" applyFont="1" applyBorder="1" applyAlignment="1">
      <alignment horizontal="center" vertical="center" shrinkToFit="1"/>
    </xf>
    <xf numFmtId="0" fontId="37" fillId="0" borderId="172" xfId="16" applyFont="1" applyBorder="1" applyAlignment="1">
      <alignment horizontal="center" vertical="center" shrinkToFit="1"/>
    </xf>
    <xf numFmtId="0" fontId="37" fillId="0" borderId="172" xfId="16" applyFont="1" applyBorder="1" applyAlignment="1">
      <alignment horizontal="center" vertical="center" wrapText="1" shrinkToFit="1"/>
    </xf>
    <xf numFmtId="0" fontId="37" fillId="0" borderId="0" xfId="16" applyFont="1" applyAlignment="1">
      <alignment horizontal="center" vertical="center"/>
    </xf>
    <xf numFmtId="0" fontId="37" fillId="0" borderId="0" xfId="16" applyFont="1" applyAlignment="1">
      <alignment vertical="center" wrapText="1"/>
    </xf>
    <xf numFmtId="0" fontId="45" fillId="0" borderId="0" xfId="16" applyFont="1" applyAlignment="1">
      <alignment vertical="center"/>
    </xf>
    <xf numFmtId="0" fontId="45" fillId="0" borderId="0" xfId="16" applyFont="1" applyAlignment="1">
      <alignment vertical="center" wrapText="1"/>
    </xf>
    <xf numFmtId="0" fontId="45" fillId="0" borderId="0" xfId="16" applyFont="1"/>
    <xf numFmtId="0" fontId="37" fillId="0" borderId="0" xfId="16" applyFont="1" applyAlignment="1">
      <alignment wrapText="1"/>
    </xf>
    <xf numFmtId="0" fontId="37" fillId="0" borderId="0" xfId="16" applyFont="1" applyAlignment="1">
      <alignment horizontal="left" vertical="center"/>
    </xf>
    <xf numFmtId="0" fontId="46" fillId="0" borderId="0" xfId="16" applyFont="1" applyAlignment="1">
      <alignment vertical="center" wrapText="1"/>
    </xf>
    <xf numFmtId="0" fontId="37" fillId="0" borderId="31" xfId="16" applyFont="1" applyBorder="1" applyAlignment="1">
      <alignment horizontal="center" vertical="center" shrinkToFit="1"/>
    </xf>
    <xf numFmtId="0" fontId="6" fillId="0" borderId="33" xfId="0" applyFont="1" applyFill="1" applyBorder="1" applyAlignment="1">
      <alignment vertical="center"/>
    </xf>
    <xf numFmtId="0" fontId="6" fillId="0" borderId="36" xfId="0" applyFont="1" applyFill="1" applyBorder="1" applyAlignment="1">
      <alignment vertical="center"/>
    </xf>
    <xf numFmtId="0" fontId="6" fillId="0" borderId="37" xfId="0" applyFont="1" applyFill="1" applyBorder="1" applyAlignment="1">
      <alignment vertical="center"/>
    </xf>
    <xf numFmtId="0" fontId="6" fillId="0" borderId="49" xfId="0" applyFont="1" applyFill="1" applyBorder="1" applyAlignment="1">
      <alignment horizontal="center" vertical="center"/>
    </xf>
    <xf numFmtId="0" fontId="0" fillId="0" borderId="13" xfId="0" applyFont="1" applyFill="1" applyBorder="1" applyAlignment="1">
      <alignment vertical="center"/>
    </xf>
    <xf numFmtId="0" fontId="6" fillId="0" borderId="17" xfId="0" applyFont="1" applyFill="1" applyBorder="1" applyAlignment="1">
      <alignment vertical="center"/>
    </xf>
    <xf numFmtId="0" fontId="6" fillId="0" borderId="19" xfId="0" applyFont="1" applyFill="1" applyBorder="1" applyAlignment="1">
      <alignment vertical="center"/>
    </xf>
    <xf numFmtId="0" fontId="6" fillId="0" borderId="2" xfId="0" applyFont="1" applyFill="1" applyBorder="1" applyAlignment="1">
      <alignment horizontal="center" vertical="center"/>
    </xf>
    <xf numFmtId="0" fontId="6" fillId="0" borderId="2" xfId="0" applyFont="1" applyFill="1" applyBorder="1" applyAlignment="1">
      <alignment vertical="center"/>
    </xf>
    <xf numFmtId="0" fontId="6" fillId="0" borderId="38" xfId="0" applyFont="1" applyFill="1" applyBorder="1" applyAlignment="1">
      <alignment vertical="center"/>
    </xf>
    <xf numFmtId="0" fontId="6" fillId="0" borderId="17" xfId="0" applyFont="1" applyFill="1" applyBorder="1" applyAlignment="1">
      <alignment horizontal="center" vertical="center"/>
    </xf>
    <xf numFmtId="0" fontId="0" fillId="0" borderId="25" xfId="0" applyFont="1" applyFill="1" applyBorder="1" applyAlignment="1"/>
    <xf numFmtId="0" fontId="0" fillId="0" borderId="0" xfId="0" applyFont="1" applyFill="1" applyBorder="1" applyAlignment="1"/>
    <xf numFmtId="0" fontId="6" fillId="0" borderId="0" xfId="0" applyFont="1" applyFill="1" applyBorder="1" applyAlignment="1">
      <alignment vertical="center"/>
    </xf>
    <xf numFmtId="0" fontId="6" fillId="0" borderId="44" xfId="0" applyFont="1" applyFill="1" applyBorder="1" applyAlignment="1">
      <alignment vertical="center"/>
    </xf>
    <xf numFmtId="0" fontId="6" fillId="0" borderId="15" xfId="0" applyFont="1" applyFill="1" applyBorder="1" applyAlignment="1"/>
    <xf numFmtId="0" fontId="6" fillId="0" borderId="0" xfId="0" applyFont="1" applyFill="1" applyBorder="1" applyAlignment="1"/>
    <xf numFmtId="0" fontId="6" fillId="0" borderId="44" xfId="0" applyFont="1" applyFill="1" applyBorder="1" applyAlignment="1"/>
    <xf numFmtId="0" fontId="6" fillId="0" borderId="41" xfId="0" applyFont="1" applyFill="1" applyBorder="1" applyAlignment="1">
      <alignment vertical="center"/>
    </xf>
    <xf numFmtId="0" fontId="2" fillId="0" borderId="1" xfId="1" applyFont="1" applyFill="1" applyBorder="1" applyAlignment="1">
      <alignment vertical="center"/>
    </xf>
    <xf numFmtId="0" fontId="6" fillId="0" borderId="35" xfId="0" applyFont="1" applyFill="1" applyBorder="1" applyAlignment="1">
      <alignment horizontal="center" vertical="center"/>
    </xf>
    <xf numFmtId="0" fontId="6" fillId="0" borderId="43" xfId="0" applyFont="1" applyFill="1" applyBorder="1" applyAlignment="1">
      <alignment vertical="center"/>
    </xf>
    <xf numFmtId="0" fontId="6" fillId="0" borderId="17" xfId="0" applyFont="1" applyFill="1" applyBorder="1" applyAlignment="1">
      <alignment horizontal="left" vertical="center"/>
    </xf>
    <xf numFmtId="0" fontId="6" fillId="0" borderId="0" xfId="0" applyFont="1" applyFill="1" applyAlignment="1">
      <alignment vertical="center"/>
    </xf>
    <xf numFmtId="0" fontId="0" fillId="0" borderId="0" xfId="0" applyFont="1" applyFill="1" applyAlignment="1"/>
    <xf numFmtId="0" fontId="0" fillId="0" borderId="0" xfId="0" applyFont="1" applyFill="1" applyAlignment="1">
      <alignment horizontal="left" vertical="center"/>
    </xf>
    <xf numFmtId="0" fontId="6" fillId="0" borderId="1" xfId="0" applyFont="1" applyFill="1" applyBorder="1" applyAlignment="1">
      <alignment vertical="center"/>
    </xf>
    <xf numFmtId="0" fontId="6" fillId="0" borderId="16" xfId="0" applyFont="1" applyFill="1" applyBorder="1" applyAlignment="1">
      <alignment horizontal="center" vertical="center"/>
    </xf>
    <xf numFmtId="0" fontId="0" fillId="0" borderId="0" xfId="0" applyFont="1" applyFill="1" applyAlignment="1">
      <alignment vertical="center"/>
    </xf>
    <xf numFmtId="0" fontId="6" fillId="0" borderId="3" xfId="0" applyFont="1" applyFill="1" applyBorder="1" applyAlignment="1">
      <alignment vertical="center"/>
    </xf>
    <xf numFmtId="0" fontId="6" fillId="0" borderId="0" xfId="8" applyNumberFormat="1" applyFont="1" applyFill="1" applyAlignment="1">
      <alignment horizontal="center"/>
    </xf>
    <xf numFmtId="0" fontId="5" fillId="0" borderId="55" xfId="0" applyFont="1" applyFill="1" applyBorder="1" applyAlignment="1">
      <alignment horizontal="center" vertical="center"/>
    </xf>
    <xf numFmtId="0" fontId="5" fillId="0" borderId="39" xfId="0" applyFont="1" applyFill="1" applyBorder="1" applyAlignment="1">
      <alignment horizontal="center" vertical="center"/>
    </xf>
    <xf numFmtId="0" fontId="6" fillId="0" borderId="35" xfId="8" applyNumberFormat="1" applyFont="1" applyFill="1" applyBorder="1" applyAlignment="1"/>
    <xf numFmtId="0" fontId="5" fillId="0" borderId="36" xfId="0" applyFont="1" applyFill="1" applyBorder="1" applyAlignment="1"/>
    <xf numFmtId="0" fontId="5" fillId="0" borderId="40" xfId="0" applyFont="1" applyFill="1" applyBorder="1" applyAlignment="1"/>
    <xf numFmtId="0" fontId="5" fillId="0" borderId="41" xfId="0" applyFont="1" applyFill="1" applyBorder="1" applyAlignment="1"/>
    <xf numFmtId="0" fontId="5" fillId="0" borderId="59" xfId="0" applyFont="1" applyFill="1" applyBorder="1" applyAlignment="1">
      <alignment horizontal="center" vertical="center"/>
    </xf>
    <xf numFmtId="0" fontId="5" fillId="0" borderId="46" xfId="0" applyFont="1" applyFill="1" applyBorder="1" applyAlignment="1"/>
    <xf numFmtId="0" fontId="5" fillId="0" borderId="13" xfId="0" applyFont="1" applyFill="1" applyBorder="1" applyAlignment="1"/>
    <xf numFmtId="0" fontId="5" fillId="0" borderId="57" xfId="0" applyFont="1" applyFill="1" applyBorder="1" applyAlignment="1">
      <alignment horizontal="center" vertical="center"/>
    </xf>
    <xf numFmtId="0" fontId="6" fillId="0" borderId="40" xfId="8" applyNumberFormat="1" applyFont="1" applyFill="1" applyBorder="1" applyAlignment="1">
      <alignment horizontal="center" vertical="center"/>
    </xf>
    <xf numFmtId="0" fontId="6" fillId="0" borderId="41" xfId="8" applyNumberFormat="1" applyFont="1" applyFill="1" applyBorder="1" applyAlignment="1">
      <alignment horizontal="center" vertical="center"/>
    </xf>
    <xf numFmtId="0" fontId="5" fillId="0" borderId="34" xfId="0" applyFont="1" applyFill="1" applyBorder="1" applyAlignment="1">
      <alignment horizontal="center" vertical="center"/>
    </xf>
    <xf numFmtId="0" fontId="6" fillId="0" borderId="4" xfId="8" applyNumberFormat="1" applyFont="1" applyFill="1" applyBorder="1" applyAlignment="1">
      <alignment horizontal="center" vertical="center"/>
    </xf>
    <xf numFmtId="0" fontId="6" fillId="0" borderId="2" xfId="8" applyNumberFormat="1" applyFont="1" applyFill="1" applyBorder="1" applyAlignment="1">
      <alignment horizontal="center" vertical="center"/>
    </xf>
    <xf numFmtId="0" fontId="6" fillId="0" borderId="38" xfId="8" applyNumberFormat="1" applyFont="1" applyFill="1" applyBorder="1" applyAlignment="1">
      <alignment horizontal="center" vertical="center"/>
    </xf>
    <xf numFmtId="0" fontId="5" fillId="0" borderId="39" xfId="0" applyFont="1" applyFill="1" applyBorder="1" applyAlignment="1"/>
    <xf numFmtId="0" fontId="6" fillId="0" borderId="30" xfId="8" applyNumberFormat="1" applyFont="1" applyFill="1" applyBorder="1" applyAlignment="1">
      <alignment horizontal="center" vertical="center"/>
    </xf>
    <xf numFmtId="0" fontId="6" fillId="0" borderId="33" xfId="8" applyNumberFormat="1" applyFont="1" applyFill="1" applyBorder="1" applyAlignment="1">
      <alignment vertical="center"/>
    </xf>
    <xf numFmtId="0" fontId="6" fillId="0" borderId="15" xfId="8" applyNumberFormat="1" applyFont="1" applyFill="1" applyBorder="1" applyAlignment="1">
      <alignment vertical="center"/>
    </xf>
    <xf numFmtId="0" fontId="5" fillId="0" borderId="13" xfId="0" applyFont="1" applyFill="1" applyBorder="1" applyAlignment="1">
      <alignment vertical="center"/>
    </xf>
    <xf numFmtId="0" fontId="6" fillId="0" borderId="16" xfId="8" applyFont="1" applyFill="1" applyBorder="1" applyAlignment="1">
      <alignment vertical="center"/>
    </xf>
    <xf numFmtId="0" fontId="6" fillId="0" borderId="17" xfId="8" applyFont="1" applyFill="1" applyBorder="1" applyAlignment="1">
      <alignment vertical="center"/>
    </xf>
    <xf numFmtId="0" fontId="6" fillId="0" borderId="110" xfId="8" applyNumberFormat="1" applyFont="1" applyFill="1" applyBorder="1" applyAlignment="1">
      <alignment horizontal="center" vertical="center"/>
    </xf>
    <xf numFmtId="0" fontId="6" fillId="0" borderId="13" xfId="8" applyNumberFormat="1" applyFont="1" applyFill="1" applyBorder="1" applyAlignment="1">
      <alignment horizontal="center" vertical="center"/>
    </xf>
    <xf numFmtId="0" fontId="6" fillId="0" borderId="0" xfId="8" applyNumberFormat="1" applyFont="1" applyFill="1" applyAlignment="1">
      <alignment vertical="center"/>
    </xf>
    <xf numFmtId="0" fontId="6" fillId="0" borderId="0" xfId="8" applyFont="1" applyFill="1" applyBorder="1" applyAlignment="1">
      <alignment horizontal="center" vertical="center"/>
    </xf>
    <xf numFmtId="0" fontId="6" fillId="0" borderId="35" xfId="0" applyFont="1" applyFill="1" applyBorder="1" applyAlignment="1">
      <alignment vertical="center"/>
    </xf>
    <xf numFmtId="0" fontId="6" fillId="0" borderId="40" xfId="0" applyFont="1" applyFill="1" applyBorder="1" applyAlignment="1">
      <alignment vertical="center"/>
    </xf>
    <xf numFmtId="0" fontId="6" fillId="0" borderId="42" xfId="0" applyFont="1" applyFill="1" applyBorder="1" applyAlignment="1">
      <alignment vertical="center"/>
    </xf>
    <xf numFmtId="0" fontId="0" fillId="0" borderId="15" xfId="0" applyFont="1" applyFill="1" applyBorder="1" applyAlignment="1">
      <alignment vertical="center"/>
    </xf>
    <xf numFmtId="0" fontId="0" fillId="0" borderId="0" xfId="0" applyFont="1" applyFill="1" applyBorder="1" applyAlignment="1">
      <alignment vertical="center"/>
    </xf>
    <xf numFmtId="0" fontId="11" fillId="0" borderId="0" xfId="0" applyFont="1" applyFill="1" applyAlignment="1">
      <alignment horizontal="center" vertical="center"/>
    </xf>
    <xf numFmtId="0" fontId="6" fillId="0" borderId="23" xfId="0" applyFont="1" applyFill="1" applyBorder="1" applyAlignment="1">
      <alignment horizontal="center" vertical="center"/>
    </xf>
    <xf numFmtId="0" fontId="6" fillId="0" borderId="17" xfId="0" applyFont="1" applyFill="1" applyBorder="1" applyAlignment="1">
      <alignment horizontal="center" vertical="center"/>
    </xf>
    <xf numFmtId="0" fontId="32" fillId="0" borderId="0" xfId="0" applyFont="1" applyFill="1" applyAlignment="1">
      <alignment horizontal="right" vertical="center"/>
    </xf>
    <xf numFmtId="0" fontId="6" fillId="0" borderId="103" xfId="0" applyFont="1" applyFill="1" applyBorder="1" applyAlignment="1">
      <alignment horizontal="center" vertical="center"/>
    </xf>
    <xf numFmtId="0" fontId="0" fillId="0" borderId="104" xfId="0" applyFont="1" applyFill="1" applyBorder="1" applyAlignment="1">
      <alignment horizontal="center" vertical="center"/>
    </xf>
    <xf numFmtId="0" fontId="6" fillId="3" borderId="103" xfId="0" applyFont="1" applyFill="1" applyBorder="1" applyAlignment="1">
      <alignment horizontal="center" vertical="center"/>
    </xf>
    <xf numFmtId="0" fontId="0" fillId="3" borderId="110" xfId="0" applyFont="1" applyFill="1" applyBorder="1" applyAlignment="1">
      <alignment horizontal="center" vertical="center"/>
    </xf>
    <xf numFmtId="0" fontId="0" fillId="3" borderId="104" xfId="0" applyFont="1" applyFill="1" applyBorder="1" applyAlignment="1">
      <alignment horizontal="center" vertical="center"/>
    </xf>
    <xf numFmtId="0" fontId="10" fillId="0" borderId="1" xfId="0" applyFont="1" applyFill="1" applyBorder="1" applyAlignment="1">
      <alignment vertical="center"/>
    </xf>
    <xf numFmtId="0" fontId="10" fillId="0" borderId="3" xfId="0" applyFont="1" applyFill="1" applyBorder="1" applyAlignment="1">
      <alignment vertical="center"/>
    </xf>
    <xf numFmtId="0" fontId="6" fillId="0" borderId="23" xfId="0" applyFont="1" applyFill="1" applyBorder="1" applyAlignment="1">
      <alignment vertical="center"/>
    </xf>
    <xf numFmtId="0" fontId="6" fillId="0" borderId="21" xfId="0" applyFont="1" applyFill="1" applyBorder="1" applyAlignment="1">
      <alignment vertical="center"/>
    </xf>
    <xf numFmtId="0" fontId="6" fillId="0" borderId="33" xfId="0" applyFont="1" applyFill="1" applyBorder="1" applyAlignment="1">
      <alignment vertical="center"/>
    </xf>
    <xf numFmtId="0" fontId="6" fillId="0" borderId="34" xfId="0" applyFont="1" applyFill="1" applyBorder="1" applyAlignment="1">
      <alignment vertical="center"/>
    </xf>
    <xf numFmtId="0" fontId="6" fillId="0" borderId="38" xfId="0" applyFont="1" applyFill="1" applyBorder="1" applyAlignment="1">
      <alignment vertical="center"/>
    </xf>
    <xf numFmtId="0" fontId="6" fillId="0" borderId="39" xfId="0" applyFont="1" applyFill="1" applyBorder="1" applyAlignment="1">
      <alignment vertical="center"/>
    </xf>
    <xf numFmtId="0" fontId="6" fillId="0" borderId="4" xfId="0" applyFont="1" applyFill="1" applyBorder="1" applyAlignment="1">
      <alignment vertical="center"/>
    </xf>
    <xf numFmtId="0" fontId="6" fillId="0" borderId="2" xfId="0" applyFont="1" applyFill="1" applyBorder="1" applyAlignment="1">
      <alignment vertical="center"/>
    </xf>
    <xf numFmtId="0" fontId="6" fillId="0" borderId="5" xfId="0" applyFont="1" applyFill="1" applyBorder="1" applyAlignment="1">
      <alignment vertical="center"/>
    </xf>
    <xf numFmtId="0" fontId="6" fillId="0" borderId="16" xfId="0" applyFont="1" applyFill="1" applyBorder="1" applyAlignment="1">
      <alignment vertical="center"/>
    </xf>
    <xf numFmtId="0" fontId="6" fillId="0" borderId="17" xfId="0" applyFont="1" applyFill="1" applyBorder="1" applyAlignment="1">
      <alignment vertical="center"/>
    </xf>
    <xf numFmtId="0" fontId="6" fillId="0" borderId="19" xfId="0" applyFont="1" applyFill="1" applyBorder="1" applyAlignment="1">
      <alignment vertical="center"/>
    </xf>
    <xf numFmtId="0" fontId="6" fillId="0" borderId="19" xfId="0" applyFont="1" applyFill="1" applyBorder="1" applyAlignment="1">
      <alignment horizontal="center" vertical="center"/>
    </xf>
    <xf numFmtId="0" fontId="6" fillId="0" borderId="36" xfId="0" applyFont="1" applyFill="1" applyBorder="1" applyAlignment="1">
      <alignment vertical="center"/>
    </xf>
    <xf numFmtId="0" fontId="6" fillId="0" borderId="37" xfId="0" applyFont="1" applyFill="1" applyBorder="1" applyAlignment="1">
      <alignment vertical="center"/>
    </xf>
    <xf numFmtId="0" fontId="6" fillId="0" borderId="36" xfId="0" applyFont="1" applyFill="1" applyBorder="1" applyAlignment="1">
      <alignment horizontal="center" vertical="center"/>
    </xf>
    <xf numFmtId="0" fontId="6" fillId="0" borderId="41" xfId="0" applyFont="1" applyFill="1" applyBorder="1" applyAlignment="1">
      <alignment horizontal="center" vertical="center"/>
    </xf>
    <xf numFmtId="0" fontId="6" fillId="0" borderId="45" xfId="0" applyFont="1" applyFill="1" applyBorder="1" applyAlignment="1">
      <alignment vertical="center"/>
    </xf>
    <xf numFmtId="0" fontId="6" fillId="0" borderId="59" xfId="0" applyFont="1" applyFill="1" applyBorder="1" applyAlignment="1">
      <alignment vertical="center"/>
    </xf>
    <xf numFmtId="49" fontId="6" fillId="0" borderId="36" xfId="0" applyNumberFormat="1" applyFont="1" applyFill="1" applyBorder="1" applyAlignment="1">
      <alignment horizontal="center" vertical="center"/>
    </xf>
    <xf numFmtId="49" fontId="6" fillId="0" borderId="36" xfId="0" applyNumberFormat="1" applyFont="1" applyFill="1" applyBorder="1" applyAlignment="1">
      <alignment vertical="center" wrapText="1"/>
    </xf>
    <xf numFmtId="49" fontId="6" fillId="0" borderId="36" xfId="0" applyNumberFormat="1" applyFont="1" applyFill="1" applyBorder="1" applyAlignment="1">
      <alignment vertical="center"/>
    </xf>
    <xf numFmtId="0" fontId="6" fillId="3" borderId="36" xfId="0" applyFont="1" applyFill="1" applyBorder="1" applyAlignment="1">
      <alignment horizontal="center" vertical="center"/>
    </xf>
    <xf numFmtId="49" fontId="6" fillId="0" borderId="13" xfId="0" applyNumberFormat="1" applyFont="1" applyFill="1" applyBorder="1" applyAlignment="1">
      <alignment vertical="center" wrapText="1"/>
    </xf>
    <xf numFmtId="49" fontId="6" fillId="3" borderId="13" xfId="0" applyNumberFormat="1" applyFont="1" applyFill="1" applyBorder="1" applyAlignment="1">
      <alignment horizontal="center" vertical="center"/>
    </xf>
    <xf numFmtId="0" fontId="6" fillId="0" borderId="4" xfId="0" applyFont="1" applyFill="1" applyBorder="1" applyAlignment="1">
      <alignment horizontal="center" vertical="center"/>
    </xf>
    <xf numFmtId="0" fontId="6" fillId="0" borderId="2" xfId="0" applyFont="1" applyFill="1" applyBorder="1" applyAlignment="1">
      <alignment horizontal="center" vertical="center"/>
    </xf>
    <xf numFmtId="49" fontId="6" fillId="0" borderId="4" xfId="0" applyNumberFormat="1" applyFont="1" applyFill="1" applyBorder="1" applyAlignment="1">
      <alignment vertical="center"/>
    </xf>
    <xf numFmtId="49" fontId="6" fillId="0" borderId="2" xfId="0" applyNumberFormat="1" applyFont="1" applyFill="1" applyBorder="1" applyAlignment="1">
      <alignment vertical="center"/>
    </xf>
    <xf numFmtId="49" fontId="6" fillId="0" borderId="5" xfId="0" applyNumberFormat="1" applyFont="1" applyFill="1" applyBorder="1" applyAlignment="1">
      <alignment vertical="center"/>
    </xf>
    <xf numFmtId="0" fontId="6" fillId="0" borderId="33" xfId="0" applyFont="1" applyFill="1" applyBorder="1" applyAlignment="1">
      <alignment vertical="center" wrapText="1"/>
    </xf>
    <xf numFmtId="0" fontId="6" fillId="0" borderId="34" xfId="0" applyFont="1" applyFill="1" applyBorder="1" applyAlignment="1">
      <alignment vertical="center" wrapText="1"/>
    </xf>
    <xf numFmtId="0" fontId="6" fillId="0" borderId="23" xfId="0" applyFont="1" applyFill="1" applyBorder="1" applyAlignment="1">
      <alignment vertical="center" wrapText="1"/>
    </xf>
    <xf numFmtId="0" fontId="9" fillId="0" borderId="33" xfId="0" applyFont="1" applyFill="1" applyBorder="1" applyAlignment="1">
      <alignment vertical="top" wrapText="1"/>
    </xf>
    <xf numFmtId="0" fontId="9" fillId="0" borderId="36" xfId="0" applyFont="1" applyFill="1" applyBorder="1" applyAlignment="1">
      <alignment vertical="top" wrapText="1"/>
    </xf>
    <xf numFmtId="0" fontId="9" fillId="0" borderId="37" xfId="0" applyFont="1" applyFill="1" applyBorder="1" applyAlignment="1">
      <alignment vertical="top" wrapText="1"/>
    </xf>
    <xf numFmtId="0" fontId="9" fillId="0" borderId="15" xfId="0" applyFont="1" applyFill="1" applyBorder="1" applyAlignment="1">
      <alignment vertical="top" wrapText="1"/>
    </xf>
    <xf numFmtId="0" fontId="9" fillId="0" borderId="0" xfId="0" applyFont="1" applyFill="1" applyBorder="1" applyAlignment="1">
      <alignment vertical="top" wrapText="1"/>
    </xf>
    <xf numFmtId="0" fontId="9" fillId="0" borderId="44" xfId="0" applyFont="1" applyFill="1" applyBorder="1" applyAlignment="1">
      <alignment vertical="top" wrapText="1"/>
    </xf>
    <xf numFmtId="0" fontId="9" fillId="0" borderId="45" xfId="0" applyFont="1" applyFill="1" applyBorder="1" applyAlignment="1">
      <alignment vertical="top" wrapText="1"/>
    </xf>
    <xf numFmtId="0" fontId="9" fillId="0" borderId="13" xfId="0" applyFont="1" applyFill="1" applyBorder="1" applyAlignment="1">
      <alignment vertical="top" wrapText="1"/>
    </xf>
    <xf numFmtId="0" fontId="9" fillId="0" borderId="47" xfId="0" applyFont="1" applyFill="1" applyBorder="1" applyAlignment="1">
      <alignment vertical="top" wrapText="1"/>
    </xf>
    <xf numFmtId="0" fontId="0" fillId="0" borderId="153" xfId="0" applyFont="1" applyFill="1" applyBorder="1" applyAlignment="1">
      <alignment vertical="top" wrapText="1"/>
    </xf>
    <xf numFmtId="0" fontId="0" fillId="0" borderId="100" xfId="0" applyFont="1" applyFill="1" applyBorder="1" applyAlignment="1">
      <alignment vertical="top" wrapText="1"/>
    </xf>
    <xf numFmtId="0" fontId="0" fillId="0" borderId="154" xfId="0" applyFont="1" applyFill="1" applyBorder="1" applyAlignment="1">
      <alignment vertical="top" wrapText="1"/>
    </xf>
    <xf numFmtId="0" fontId="6" fillId="0" borderId="48" xfId="0" applyFont="1" applyFill="1" applyBorder="1" applyAlignment="1">
      <alignment horizontal="center" vertical="center"/>
    </xf>
    <xf numFmtId="0" fontId="6" fillId="0" borderId="49" xfId="0" applyFont="1" applyFill="1" applyBorder="1" applyAlignment="1">
      <alignment horizontal="center" vertical="center"/>
    </xf>
    <xf numFmtId="0" fontId="0" fillId="0" borderId="45" xfId="0" applyFont="1" applyFill="1" applyBorder="1" applyAlignment="1">
      <alignment vertical="center"/>
    </xf>
    <xf numFmtId="0" fontId="0" fillId="0" borderId="13" xfId="0" applyFont="1" applyFill="1" applyBorder="1" applyAlignment="1">
      <alignment vertical="center"/>
    </xf>
    <xf numFmtId="0" fontId="0" fillId="0" borderId="47" xfId="0" applyFont="1" applyFill="1" applyBorder="1" applyAlignment="1">
      <alignment vertical="center"/>
    </xf>
    <xf numFmtId="0" fontId="6" fillId="0" borderId="1" xfId="0" applyFont="1" applyFill="1" applyBorder="1" applyAlignment="1">
      <alignment vertical="center" shrinkToFit="1"/>
    </xf>
    <xf numFmtId="0" fontId="0" fillId="0" borderId="2" xfId="0" applyFont="1" applyFill="1" applyBorder="1" applyAlignment="1">
      <alignment vertical="center" shrinkToFit="1"/>
    </xf>
    <xf numFmtId="0" fontId="0" fillId="0" borderId="5" xfId="0" applyFont="1" applyFill="1" applyBorder="1" applyAlignment="1">
      <alignment vertical="center" shrinkToFit="1"/>
    </xf>
    <xf numFmtId="0" fontId="0" fillId="0" borderId="0" xfId="0" applyFont="1" applyFill="1" applyAlignment="1">
      <alignment horizontal="left" vertical="center" wrapText="1"/>
    </xf>
    <xf numFmtId="0" fontId="0" fillId="0" borderId="30" xfId="0" applyFont="1" applyFill="1" applyBorder="1" applyAlignment="1">
      <alignment vertical="top" wrapText="1"/>
    </xf>
    <xf numFmtId="0" fontId="0" fillId="0" borderId="25" xfId="0" applyFont="1" applyFill="1" applyBorder="1" applyAlignment="1"/>
    <xf numFmtId="0" fontId="0" fillId="0" borderId="6" xfId="4" applyFont="1" applyFill="1" applyBorder="1" applyAlignment="1">
      <alignment horizontal="left" vertical="center" wrapText="1"/>
    </xf>
    <xf numFmtId="0" fontId="0" fillId="0" borderId="7" xfId="4" applyFont="1" applyFill="1" applyBorder="1" applyAlignment="1">
      <alignment horizontal="left" vertical="center" wrapText="1"/>
    </xf>
    <xf numFmtId="0" fontId="0" fillId="0" borderId="12" xfId="4" applyFont="1" applyFill="1" applyBorder="1" applyAlignment="1">
      <alignment horizontal="left" vertical="center" wrapText="1"/>
    </xf>
    <xf numFmtId="0" fontId="0" fillId="0" borderId="15" xfId="0" applyFont="1" applyFill="1" applyBorder="1" applyAlignment="1">
      <alignment vertical="top" wrapText="1"/>
    </xf>
    <xf numFmtId="0" fontId="0" fillId="0" borderId="0" xfId="0" applyFont="1" applyFill="1" applyBorder="1" applyAlignment="1"/>
    <xf numFmtId="0" fontId="6" fillId="0" borderId="41" xfId="0" applyFont="1" applyFill="1" applyBorder="1" applyAlignment="1">
      <alignment vertical="center"/>
    </xf>
    <xf numFmtId="0" fontId="6" fillId="0" borderId="1" xfId="0" applyFont="1" applyFill="1" applyBorder="1" applyAlignment="1">
      <alignment horizontal="center"/>
    </xf>
    <xf numFmtId="0" fontId="6" fillId="0" borderId="3" xfId="0" applyFont="1" applyFill="1" applyBorder="1" applyAlignment="1">
      <alignment horizontal="center"/>
    </xf>
    <xf numFmtId="0" fontId="6" fillId="0" borderId="23" xfId="0" applyFont="1" applyFill="1" applyBorder="1" applyAlignment="1">
      <alignment horizontal="center"/>
    </xf>
    <xf numFmtId="0" fontId="6" fillId="0" borderId="21" xfId="0" applyFont="1" applyFill="1" applyBorder="1" applyAlignment="1">
      <alignment horizontal="center"/>
    </xf>
    <xf numFmtId="0" fontId="6" fillId="0" borderId="6" xfId="0" applyFont="1" applyFill="1" applyBorder="1" applyAlignment="1">
      <alignment horizontal="center"/>
    </xf>
    <xf numFmtId="0" fontId="6" fillId="0" borderId="8" xfId="0" applyFont="1" applyFill="1" applyBorder="1" applyAlignment="1">
      <alignment horizontal="center"/>
    </xf>
    <xf numFmtId="0" fontId="6" fillId="0" borderId="25" xfId="0" applyFont="1" applyFill="1" applyBorder="1" applyAlignment="1">
      <alignment shrinkToFit="1"/>
    </xf>
    <xf numFmtId="0" fontId="6" fillId="0" borderId="1" xfId="0" applyFont="1" applyFill="1" applyBorder="1" applyAlignment="1">
      <alignment horizontal="center" vertical="center"/>
    </xf>
    <xf numFmtId="0" fontId="6" fillId="0" borderId="3" xfId="0" applyFont="1" applyFill="1" applyBorder="1" applyAlignment="1">
      <alignment horizontal="center" vertical="center"/>
    </xf>
    <xf numFmtId="0" fontId="6" fillId="0" borderId="5" xfId="0" applyFont="1" applyFill="1" applyBorder="1" applyAlignment="1">
      <alignment horizontal="center" vertical="center"/>
    </xf>
    <xf numFmtId="0" fontId="6" fillId="0" borderId="21" xfId="0" applyFont="1" applyFill="1" applyBorder="1" applyAlignment="1">
      <alignment horizontal="center" vertical="center"/>
    </xf>
    <xf numFmtId="0" fontId="6" fillId="0" borderId="6"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25" xfId="0" applyFont="1" applyFill="1" applyBorder="1" applyAlignment="1">
      <alignment horizontal="center" vertical="center" shrinkToFit="1"/>
    </xf>
    <xf numFmtId="0" fontId="6" fillId="3" borderId="56" xfId="0" applyFont="1" applyFill="1" applyBorder="1" applyAlignment="1">
      <alignment horizontal="center" vertical="center"/>
    </xf>
    <xf numFmtId="0" fontId="0" fillId="3" borderId="57" xfId="0" applyFill="1" applyBorder="1" applyAlignment="1">
      <alignment horizontal="center" vertical="center"/>
    </xf>
    <xf numFmtId="0" fontId="6" fillId="0" borderId="33" xfId="0" applyFont="1" applyFill="1" applyBorder="1" applyAlignment="1">
      <alignment wrapText="1"/>
    </xf>
    <xf numFmtId="0" fontId="6" fillId="0" borderId="34" xfId="0" applyFont="1" applyFill="1" applyBorder="1" applyAlignment="1">
      <alignment wrapText="1"/>
    </xf>
    <xf numFmtId="0" fontId="6" fillId="0" borderId="38" xfId="0" applyFont="1" applyFill="1" applyBorder="1" applyAlignment="1">
      <alignment wrapText="1"/>
    </xf>
    <xf numFmtId="0" fontId="6" fillId="0" borderId="39" xfId="0" applyFont="1" applyFill="1" applyBorder="1" applyAlignment="1">
      <alignment wrapText="1"/>
    </xf>
    <xf numFmtId="0" fontId="6" fillId="0" borderId="45" xfId="0" applyFont="1" applyFill="1" applyBorder="1" applyAlignment="1">
      <alignment wrapText="1"/>
    </xf>
    <xf numFmtId="0" fontId="6" fillId="0" borderId="59" xfId="0" applyFont="1" applyFill="1" applyBorder="1" applyAlignment="1">
      <alignment wrapText="1"/>
    </xf>
    <xf numFmtId="0" fontId="6" fillId="0" borderId="56" xfId="0" applyFont="1" applyFill="1" applyBorder="1" applyAlignment="1">
      <alignment horizontal="center" wrapText="1"/>
    </xf>
    <xf numFmtId="0" fontId="6" fillId="0" borderId="57" xfId="0" applyFont="1" applyFill="1" applyBorder="1" applyAlignment="1">
      <alignment horizontal="center" wrapText="1"/>
    </xf>
    <xf numFmtId="0" fontId="6" fillId="0" borderId="58" xfId="0" applyFont="1" applyFill="1" applyBorder="1" applyAlignment="1">
      <alignment horizontal="center" wrapText="1"/>
    </xf>
    <xf numFmtId="0" fontId="0" fillId="3" borderId="58" xfId="0" applyFill="1" applyBorder="1" applyAlignment="1">
      <alignment horizontal="center" vertical="center"/>
    </xf>
    <xf numFmtId="0" fontId="0" fillId="0" borderId="35" xfId="0" applyFill="1" applyBorder="1" applyAlignment="1">
      <alignment horizontal="right" vertical="center"/>
    </xf>
    <xf numFmtId="0" fontId="0" fillId="0" borderId="34" xfId="0" applyFill="1" applyBorder="1" applyAlignment="1">
      <alignment horizontal="right" vertical="center"/>
    </xf>
    <xf numFmtId="0" fontId="0" fillId="0" borderId="40" xfId="0" applyFill="1" applyBorder="1" applyAlignment="1">
      <alignment horizontal="right" vertical="center"/>
    </xf>
    <xf numFmtId="0" fontId="0" fillId="0" borderId="39" xfId="0" applyFill="1" applyBorder="1" applyAlignment="1">
      <alignment horizontal="right" vertical="center"/>
    </xf>
    <xf numFmtId="0" fontId="0" fillId="0" borderId="46" xfId="0" applyFill="1" applyBorder="1" applyAlignment="1">
      <alignment horizontal="right" vertical="center"/>
    </xf>
    <xf numFmtId="0" fontId="0" fillId="0" borderId="59" xfId="0" applyFill="1" applyBorder="1" applyAlignment="1">
      <alignment horizontal="right" vertical="center"/>
    </xf>
    <xf numFmtId="0" fontId="6" fillId="0" borderId="35" xfId="0" applyFont="1" applyFill="1" applyBorder="1" applyAlignment="1">
      <alignment horizontal="center"/>
    </xf>
    <xf numFmtId="0" fontId="6" fillId="0" borderId="34" xfId="0" applyFont="1" applyFill="1" applyBorder="1" applyAlignment="1">
      <alignment horizontal="center"/>
    </xf>
    <xf numFmtId="0" fontId="6" fillId="0" borderId="40" xfId="0" applyFont="1" applyFill="1" applyBorder="1" applyAlignment="1">
      <alignment horizontal="center"/>
    </xf>
    <xf numFmtId="0" fontId="6" fillId="0" borderId="39" xfId="0" applyFont="1" applyFill="1" applyBorder="1" applyAlignment="1">
      <alignment horizontal="center"/>
    </xf>
    <xf numFmtId="0" fontId="6" fillId="0" borderId="46" xfId="0" applyFont="1" applyFill="1" applyBorder="1" applyAlignment="1">
      <alignment horizontal="center"/>
    </xf>
    <xf numFmtId="0" fontId="6" fillId="0" borderId="59" xfId="0" applyFont="1" applyFill="1" applyBorder="1" applyAlignment="1">
      <alignment horizontal="center"/>
    </xf>
    <xf numFmtId="0" fontId="6" fillId="0" borderId="15" xfId="0" applyFont="1" applyFill="1" applyBorder="1" applyAlignment="1">
      <alignment vertical="center"/>
    </xf>
    <xf numFmtId="0" fontId="6" fillId="0" borderId="0" xfId="0" applyFont="1" applyFill="1" applyBorder="1" applyAlignment="1">
      <alignment vertical="center"/>
    </xf>
    <xf numFmtId="0" fontId="6" fillId="0" borderId="44" xfId="0" applyFont="1" applyFill="1" applyBorder="1" applyAlignment="1">
      <alignment vertical="center"/>
    </xf>
    <xf numFmtId="0" fontId="6" fillId="0" borderId="15" xfId="0" applyFont="1" applyFill="1" applyBorder="1" applyAlignment="1"/>
    <xf numFmtId="0" fontId="6" fillId="0" borderId="0" xfId="0" applyFont="1" applyFill="1" applyBorder="1" applyAlignment="1"/>
    <xf numFmtId="0" fontId="6" fillId="0" borderId="44" xfId="0" applyFont="1" applyFill="1" applyBorder="1" applyAlignment="1"/>
    <xf numFmtId="0" fontId="6" fillId="0" borderId="45" xfId="0" applyFont="1" applyFill="1" applyBorder="1" applyAlignment="1"/>
    <xf numFmtId="0" fontId="6" fillId="0" borderId="13" xfId="0" applyFont="1" applyFill="1" applyBorder="1" applyAlignment="1"/>
    <xf numFmtId="0" fontId="6" fillId="0" borderId="47" xfId="0" applyFont="1" applyFill="1" applyBorder="1" applyAlignment="1"/>
    <xf numFmtId="0" fontId="6" fillId="0" borderId="30" xfId="0" applyFont="1" applyFill="1" applyBorder="1" applyAlignment="1"/>
    <xf numFmtId="0" fontId="6" fillId="0" borderId="25" xfId="0" applyFont="1" applyFill="1" applyBorder="1" applyAlignment="1"/>
    <xf numFmtId="0" fontId="6" fillId="0" borderId="32" xfId="0" applyFont="1" applyFill="1" applyBorder="1" applyAlignment="1"/>
    <xf numFmtId="0" fontId="6" fillId="0" borderId="33" xfId="0" applyFont="1" applyFill="1" applyBorder="1" applyAlignment="1">
      <alignment horizontal="center" wrapText="1"/>
    </xf>
    <xf numFmtId="0" fontId="6" fillId="0" borderId="36" xfId="0" applyFont="1" applyFill="1" applyBorder="1" applyAlignment="1">
      <alignment horizontal="center" wrapText="1"/>
    </xf>
    <xf numFmtId="0" fontId="6" fillId="0" borderId="34" xfId="0" applyFont="1" applyFill="1" applyBorder="1" applyAlignment="1">
      <alignment horizontal="center" wrapText="1"/>
    </xf>
    <xf numFmtId="0" fontId="6" fillId="0" borderId="38" xfId="0" applyFont="1" applyFill="1" applyBorder="1" applyAlignment="1">
      <alignment horizontal="center" wrapText="1"/>
    </xf>
    <xf numFmtId="0" fontId="6" fillId="0" borderId="41" xfId="0" applyFont="1" applyFill="1" applyBorder="1" applyAlignment="1">
      <alignment horizontal="center" wrapText="1"/>
    </xf>
    <xf numFmtId="0" fontId="6" fillId="0" borderId="39" xfId="0" applyFont="1" applyFill="1" applyBorder="1" applyAlignment="1">
      <alignment horizontal="center" wrapText="1"/>
    </xf>
    <xf numFmtId="0" fontId="6" fillId="0" borderId="45" xfId="0" applyFont="1" applyFill="1" applyBorder="1" applyAlignment="1">
      <alignment horizontal="center" wrapText="1"/>
    </xf>
    <xf numFmtId="0" fontId="6" fillId="0" borderId="13" xfId="0" applyFont="1" applyFill="1" applyBorder="1" applyAlignment="1">
      <alignment horizontal="center" wrapText="1"/>
    </xf>
    <xf numFmtId="0" fontId="6" fillId="0" borderId="59" xfId="0" applyFont="1" applyFill="1" applyBorder="1" applyAlignment="1">
      <alignment horizontal="center" wrapText="1"/>
    </xf>
    <xf numFmtId="0" fontId="6" fillId="0" borderId="35" xfId="0" applyFont="1" applyFill="1" applyBorder="1" applyAlignment="1"/>
    <xf numFmtId="0" fontId="6" fillId="0" borderId="36" xfId="0" applyFont="1" applyFill="1" applyBorder="1" applyAlignment="1"/>
    <xf numFmtId="0" fontId="6" fillId="0" borderId="37" xfId="0" applyFont="1" applyFill="1" applyBorder="1" applyAlignment="1"/>
    <xf numFmtId="0" fontId="6" fillId="0" borderId="40" xfId="0" applyFont="1" applyFill="1" applyBorder="1" applyAlignment="1"/>
    <xf numFmtId="0" fontId="6" fillId="0" borderId="41" xfId="0" applyFont="1" applyFill="1" applyBorder="1" applyAlignment="1"/>
    <xf numFmtId="0" fontId="6" fillId="0" borderId="42" xfId="0" applyFont="1" applyFill="1" applyBorder="1" applyAlignment="1"/>
    <xf numFmtId="0" fontId="6" fillId="0" borderId="46" xfId="0" applyFont="1" applyFill="1" applyBorder="1" applyAlignment="1"/>
    <xf numFmtId="0" fontId="2" fillId="0" borderId="30" xfId="5" applyFont="1" applyFill="1" applyBorder="1" applyAlignment="1">
      <alignment horizontal="center" vertical="center"/>
    </xf>
    <xf numFmtId="0" fontId="2" fillId="0" borderId="25" xfId="5" applyFont="1" applyFill="1" applyBorder="1" applyAlignment="1">
      <alignment horizontal="center" vertical="center"/>
    </xf>
    <xf numFmtId="0" fontId="2" fillId="0" borderId="15" xfId="5" applyFont="1" applyFill="1" applyBorder="1" applyAlignment="1">
      <alignment horizontal="center" vertical="center"/>
    </xf>
    <xf numFmtId="0" fontId="2" fillId="0" borderId="0" xfId="5" applyFont="1" applyFill="1" applyBorder="1" applyAlignment="1">
      <alignment horizontal="center" vertical="center"/>
    </xf>
    <xf numFmtId="0" fontId="2" fillId="0" borderId="38" xfId="5" applyFont="1" applyFill="1" applyBorder="1" applyAlignment="1">
      <alignment horizontal="center" vertical="center"/>
    </xf>
    <xf numFmtId="0" fontId="2" fillId="0" borderId="41" xfId="5" applyFont="1" applyFill="1" applyBorder="1" applyAlignment="1">
      <alignment horizontal="center" vertical="center"/>
    </xf>
    <xf numFmtId="0" fontId="2" fillId="0" borderId="4" xfId="6" applyFont="1" applyFill="1" applyBorder="1" applyAlignment="1">
      <alignment horizontal="left" vertical="center" wrapText="1"/>
    </xf>
    <xf numFmtId="0" fontId="2" fillId="0" borderId="3" xfId="6" applyFont="1" applyFill="1" applyBorder="1" applyAlignment="1">
      <alignment horizontal="left" vertical="center" wrapText="1"/>
    </xf>
    <xf numFmtId="0" fontId="2" fillId="0" borderId="4" xfId="5" applyFont="1" applyFill="1" applyBorder="1" applyAlignment="1">
      <alignment horizontal="right" vertical="center" wrapText="1"/>
    </xf>
    <xf numFmtId="0" fontId="0" fillId="0" borderId="5" xfId="0" applyFill="1" applyBorder="1" applyAlignment="1">
      <alignment horizontal="right" vertical="center" wrapText="1"/>
    </xf>
    <xf numFmtId="0" fontId="2" fillId="0" borderId="40" xfId="5" applyFont="1" applyFill="1" applyBorder="1" applyAlignment="1">
      <alignment horizontal="right" vertical="center" wrapText="1"/>
    </xf>
    <xf numFmtId="0" fontId="0" fillId="0" borderId="42" xfId="0" applyFill="1" applyBorder="1" applyAlignment="1">
      <alignment horizontal="right" vertical="center" wrapText="1"/>
    </xf>
    <xf numFmtId="0" fontId="2" fillId="0" borderId="18" xfId="5" applyFont="1" applyFill="1" applyBorder="1" applyAlignment="1">
      <alignment vertical="center" wrapText="1" shrinkToFit="1"/>
    </xf>
    <xf numFmtId="0" fontId="2" fillId="0" borderId="18" xfId="5" applyFill="1" applyBorder="1" applyAlignment="1">
      <alignment shrinkToFit="1"/>
    </xf>
    <xf numFmtId="0" fontId="2" fillId="0" borderId="16" xfId="5" applyFont="1" applyFill="1" applyBorder="1" applyAlignment="1">
      <alignment horizontal="right" vertical="center" wrapText="1"/>
    </xf>
    <xf numFmtId="0" fontId="0" fillId="0" borderId="19" xfId="0" applyFill="1" applyBorder="1" applyAlignment="1">
      <alignment horizontal="right" vertical="center" wrapText="1"/>
    </xf>
    <xf numFmtId="0" fontId="2" fillId="0" borderId="16" xfId="5" applyFont="1" applyFill="1" applyBorder="1" applyAlignment="1">
      <alignment vertical="center" wrapText="1"/>
    </xf>
    <xf numFmtId="0" fontId="2" fillId="0" borderId="21" xfId="5" applyFont="1" applyFill="1" applyBorder="1" applyAlignment="1">
      <alignment vertical="center" wrapText="1"/>
    </xf>
    <xf numFmtId="0" fontId="2" fillId="0" borderId="33" xfId="5" applyFont="1" applyFill="1" applyBorder="1" applyAlignment="1">
      <alignment horizontal="center" vertical="center"/>
    </xf>
    <xf numFmtId="0" fontId="2" fillId="0" borderId="34" xfId="5" applyFont="1" applyFill="1" applyBorder="1" applyAlignment="1">
      <alignment horizontal="center" vertical="center"/>
    </xf>
    <xf numFmtId="0" fontId="2" fillId="0" borderId="45" xfId="5" applyFont="1" applyFill="1" applyBorder="1" applyAlignment="1">
      <alignment horizontal="center" vertical="center"/>
    </xf>
    <xf numFmtId="0" fontId="2" fillId="0" borderId="13" xfId="5" applyFont="1" applyFill="1" applyBorder="1" applyAlignment="1">
      <alignment horizontal="center" vertical="center"/>
    </xf>
    <xf numFmtId="0" fontId="2" fillId="0" borderId="35" xfId="5" applyFont="1" applyFill="1" applyBorder="1" applyAlignment="1">
      <alignment horizontal="left" vertical="center" wrapText="1"/>
    </xf>
    <xf numFmtId="0" fontId="2" fillId="0" borderId="34" xfId="5" applyFont="1" applyFill="1" applyBorder="1" applyAlignment="1">
      <alignment horizontal="left" vertical="center"/>
    </xf>
    <xf numFmtId="0" fontId="2" fillId="0" borderId="46" xfId="5" applyFont="1" applyFill="1" applyBorder="1" applyAlignment="1">
      <alignment horizontal="left" vertical="center"/>
    </xf>
    <xf numFmtId="0" fontId="2" fillId="0" borderId="59" xfId="5" applyFont="1" applyFill="1" applyBorder="1" applyAlignment="1">
      <alignment horizontal="left" vertical="center"/>
    </xf>
    <xf numFmtId="0" fontId="6" fillId="0" borderId="1" xfId="5" applyFont="1" applyFill="1" applyBorder="1" applyAlignment="1">
      <alignment horizontal="center" vertical="center"/>
    </xf>
    <xf numFmtId="0" fontId="2" fillId="0" borderId="3" xfId="5" applyFont="1" applyFill="1" applyBorder="1" applyAlignment="1">
      <alignment horizontal="center" vertical="center"/>
    </xf>
    <xf numFmtId="0" fontId="2" fillId="0" borderId="23" xfId="5" applyFont="1" applyFill="1" applyBorder="1" applyAlignment="1">
      <alignment horizontal="center" vertical="center"/>
    </xf>
    <xf numFmtId="0" fontId="2" fillId="0" borderId="21" xfId="5" applyFont="1" applyFill="1" applyBorder="1" applyAlignment="1">
      <alignment horizontal="center" vertical="center"/>
    </xf>
    <xf numFmtId="0" fontId="10" fillId="4" borderId="16" xfId="5" applyFont="1" applyFill="1" applyBorder="1" applyAlignment="1">
      <alignment horizontal="center" vertical="center"/>
    </xf>
    <xf numFmtId="0" fontId="10" fillId="4" borderId="17" xfId="5" applyFont="1" applyFill="1" applyBorder="1" applyAlignment="1">
      <alignment horizontal="center" vertical="center"/>
    </xf>
    <xf numFmtId="0" fontId="2" fillId="0" borderId="11" xfId="5" applyFont="1" applyFill="1" applyBorder="1" applyAlignment="1">
      <alignment vertical="center" wrapText="1"/>
    </xf>
    <xf numFmtId="0" fontId="2" fillId="0" borderId="8" xfId="5" applyFont="1" applyFill="1" applyBorder="1" applyAlignment="1">
      <alignment vertical="center" wrapText="1"/>
    </xf>
    <xf numFmtId="0" fontId="0" fillId="4" borderId="11" xfId="0" applyFill="1" applyBorder="1" applyAlignment="1">
      <alignment horizontal="center" vertical="center"/>
    </xf>
    <xf numFmtId="0" fontId="0" fillId="4" borderId="12" xfId="0" applyFill="1" applyBorder="1" applyAlignment="1">
      <alignment horizontal="center" vertical="center"/>
    </xf>
    <xf numFmtId="0" fontId="6" fillId="0" borderId="16" xfId="5" applyFont="1" applyFill="1" applyBorder="1" applyAlignment="1">
      <alignment vertical="center"/>
    </xf>
    <xf numFmtId="0" fontId="6" fillId="0" borderId="21" xfId="5" applyFont="1" applyFill="1" applyBorder="1" applyAlignment="1">
      <alignment vertical="center"/>
    </xf>
    <xf numFmtId="0" fontId="6" fillId="0" borderId="23" xfId="5" applyFont="1" applyFill="1" applyBorder="1" applyAlignment="1">
      <alignment horizontal="center" vertical="center" wrapText="1"/>
    </xf>
    <xf numFmtId="0" fontId="2" fillId="0" borderId="21" xfId="5" applyFont="1" applyFill="1" applyBorder="1" applyAlignment="1">
      <alignment horizontal="center" vertical="center" wrapText="1"/>
    </xf>
    <xf numFmtId="0" fontId="2" fillId="0" borderId="23" xfId="5" applyFont="1" applyFill="1" applyBorder="1" applyAlignment="1">
      <alignment horizontal="center" vertical="center" wrapText="1"/>
    </xf>
    <xf numFmtId="0" fontId="2" fillId="0" borderId="6" xfId="5" applyFont="1" applyFill="1" applyBorder="1" applyAlignment="1">
      <alignment horizontal="center" vertical="center" wrapText="1"/>
    </xf>
    <xf numFmtId="0" fontId="2" fillId="0" borderId="8" xfId="5" applyFont="1" applyFill="1" applyBorder="1" applyAlignment="1">
      <alignment horizontal="center" vertical="center" wrapText="1"/>
    </xf>
    <xf numFmtId="0" fontId="10" fillId="0" borderId="11" xfId="5" applyFont="1" applyFill="1" applyBorder="1" applyAlignment="1">
      <alignment vertical="center"/>
    </xf>
    <xf numFmtId="0" fontId="10" fillId="0" borderId="7" xfId="5" applyFont="1" applyFill="1" applyBorder="1" applyAlignment="1">
      <alignment vertical="center"/>
    </xf>
    <xf numFmtId="0" fontId="10" fillId="0" borderId="12" xfId="5" applyFont="1" applyFill="1" applyBorder="1" applyAlignment="1">
      <alignment vertical="center"/>
    </xf>
    <xf numFmtId="0" fontId="10" fillId="0" borderId="26" xfId="5" applyFont="1" applyFill="1" applyBorder="1" applyAlignment="1">
      <alignment vertical="center"/>
    </xf>
    <xf numFmtId="0" fontId="2" fillId="0" borderId="27" xfId="5" applyFill="1" applyBorder="1" applyAlignment="1">
      <alignment vertical="center"/>
    </xf>
    <xf numFmtId="0" fontId="2" fillId="0" borderId="28" xfId="5" applyFill="1" applyBorder="1" applyAlignment="1">
      <alignment vertical="center"/>
    </xf>
    <xf numFmtId="0" fontId="10" fillId="0" borderId="35" xfId="5" applyFont="1" applyFill="1" applyBorder="1" applyAlignment="1">
      <alignment vertical="center"/>
    </xf>
    <xf numFmtId="0" fontId="2" fillId="0" borderId="36" xfId="5" applyFill="1" applyBorder="1" applyAlignment="1">
      <alignment vertical="center"/>
    </xf>
    <xf numFmtId="0" fontId="2" fillId="0" borderId="60" xfId="5" applyFill="1" applyBorder="1" applyAlignment="1">
      <alignment vertical="center"/>
    </xf>
    <xf numFmtId="0" fontId="2" fillId="0" borderId="40" xfId="5" applyFill="1" applyBorder="1" applyAlignment="1">
      <alignment vertical="center"/>
    </xf>
    <xf numFmtId="0" fontId="2" fillId="0" borderId="41" xfId="5" applyFill="1" applyBorder="1" applyAlignment="1">
      <alignment vertical="center"/>
    </xf>
    <xf numFmtId="0" fontId="2" fillId="0" borderId="61" xfId="5" applyFill="1" applyBorder="1" applyAlignment="1">
      <alignment vertical="center"/>
    </xf>
    <xf numFmtId="0" fontId="2" fillId="0" borderId="43" xfId="5" applyFill="1" applyBorder="1" applyAlignment="1">
      <alignment vertical="center"/>
    </xf>
    <xf numFmtId="0" fontId="2" fillId="0" borderId="0" xfId="5" applyFill="1" applyBorder="1" applyAlignment="1">
      <alignment vertical="center"/>
    </xf>
    <xf numFmtId="0" fontId="2" fillId="0" borderId="62" xfId="5" applyFill="1" applyBorder="1" applyAlignment="1">
      <alignment vertical="center"/>
    </xf>
    <xf numFmtId="0" fontId="2" fillId="0" borderId="46" xfId="5" applyFill="1" applyBorder="1" applyAlignment="1">
      <alignment vertical="center"/>
    </xf>
    <xf numFmtId="0" fontId="2" fillId="0" borderId="13" xfId="5" applyFill="1" applyBorder="1" applyAlignment="1">
      <alignment vertical="center"/>
    </xf>
    <xf numFmtId="0" fontId="2" fillId="0" borderId="63" xfId="5" applyFill="1" applyBorder="1" applyAlignment="1">
      <alignment vertical="center"/>
    </xf>
    <xf numFmtId="0" fontId="10" fillId="0" borderId="0" xfId="0" applyFont="1" applyFill="1" applyBorder="1" applyAlignment="1">
      <alignment horizontal="left" vertical="center"/>
    </xf>
    <xf numFmtId="0" fontId="9" fillId="4" borderId="16" xfId="2" applyFont="1" applyFill="1" applyBorder="1" applyAlignment="1">
      <alignment horizontal="center" vertical="center"/>
    </xf>
    <xf numFmtId="0" fontId="9" fillId="4" borderId="17" xfId="2" applyFont="1" applyFill="1" applyBorder="1" applyAlignment="1">
      <alignment horizontal="center" vertical="center"/>
    </xf>
    <xf numFmtId="0" fontId="8" fillId="4" borderId="16" xfId="1" applyFont="1" applyFill="1" applyBorder="1" applyAlignment="1">
      <alignment horizontal="center" vertical="center"/>
    </xf>
    <xf numFmtId="0" fontId="8" fillId="4" borderId="19" xfId="1" applyFont="1" applyFill="1" applyBorder="1" applyAlignment="1">
      <alignment horizontal="center" vertical="center"/>
    </xf>
    <xf numFmtId="0" fontId="9" fillId="4" borderId="11" xfId="2" applyFont="1" applyFill="1" applyBorder="1" applyAlignment="1">
      <alignment horizontal="center" vertical="center"/>
    </xf>
    <xf numFmtId="0" fontId="9" fillId="4" borderId="7" xfId="2" applyFont="1" applyFill="1" applyBorder="1" applyAlignment="1">
      <alignment horizontal="center" vertical="center"/>
    </xf>
    <xf numFmtId="0" fontId="8" fillId="4" borderId="11" xfId="1" applyFont="1" applyFill="1" applyBorder="1" applyAlignment="1">
      <alignment horizontal="center" vertical="center"/>
    </xf>
    <xf numFmtId="0" fontId="8" fillId="4" borderId="12" xfId="1" applyFont="1" applyFill="1" applyBorder="1" applyAlignment="1">
      <alignment horizontal="center" vertical="center"/>
    </xf>
    <xf numFmtId="0" fontId="7" fillId="0" borderId="0" xfId="1" applyFont="1" applyFill="1" applyAlignment="1">
      <alignment horizontal="left" vertical="center" wrapText="1"/>
    </xf>
    <xf numFmtId="0" fontId="2" fillId="0" borderId="6" xfId="1" applyFont="1" applyFill="1" applyBorder="1" applyAlignment="1">
      <alignment vertical="center"/>
    </xf>
    <xf numFmtId="0" fontId="2" fillId="0" borderId="7" xfId="1" applyFont="1" applyFill="1" applyBorder="1" applyAlignment="1">
      <alignment vertical="center"/>
    </xf>
    <xf numFmtId="0" fontId="2" fillId="0" borderId="8" xfId="1" applyFont="1" applyFill="1" applyBorder="1" applyAlignment="1">
      <alignment vertical="center"/>
    </xf>
    <xf numFmtId="0" fontId="2" fillId="0" borderId="0" xfId="1" applyFont="1" applyFill="1" applyAlignment="1">
      <alignment horizontal="left" vertical="center"/>
    </xf>
    <xf numFmtId="0" fontId="2" fillId="0" borderId="1" xfId="2" applyFont="1" applyFill="1" applyBorder="1" applyAlignment="1">
      <alignment horizontal="left" vertical="center"/>
    </xf>
    <xf numFmtId="0" fontId="2" fillId="0" borderId="2" xfId="2" applyFont="1" applyFill="1" applyBorder="1" applyAlignment="1">
      <alignment horizontal="left" vertical="center"/>
    </xf>
    <xf numFmtId="0" fontId="2" fillId="0" borderId="3" xfId="2" applyFont="1" applyFill="1" applyBorder="1" applyAlignment="1">
      <alignment horizontal="left" vertical="center"/>
    </xf>
    <xf numFmtId="0" fontId="2" fillId="0" borderId="4" xfId="1" applyFont="1" applyFill="1" applyBorder="1" applyAlignment="1">
      <alignment horizontal="center" vertical="center"/>
    </xf>
    <xf numFmtId="0" fontId="2" fillId="0" borderId="2" xfId="1" applyFont="1" applyFill="1" applyBorder="1" applyAlignment="1">
      <alignment horizontal="center" vertical="center"/>
    </xf>
    <xf numFmtId="0" fontId="2" fillId="0" borderId="3" xfId="1" applyFont="1" applyFill="1" applyBorder="1" applyAlignment="1">
      <alignment horizontal="center" vertical="center"/>
    </xf>
    <xf numFmtId="0" fontId="2" fillId="0" borderId="2" xfId="2" applyFont="1" applyFill="1" applyBorder="1" applyAlignment="1">
      <alignment vertical="center"/>
    </xf>
    <xf numFmtId="0" fontId="5" fillId="0" borderId="3" xfId="0" applyFont="1" applyFill="1" applyBorder="1" applyAlignment="1">
      <alignment vertical="center"/>
    </xf>
    <xf numFmtId="0" fontId="2" fillId="0" borderId="23" xfId="2" applyFont="1" applyFill="1" applyBorder="1" applyAlignment="1">
      <alignment horizontal="left" vertical="center"/>
    </xf>
    <xf numFmtId="0" fontId="2" fillId="0" borderId="17" xfId="2" applyFont="1" applyFill="1" applyBorder="1" applyAlignment="1">
      <alignment horizontal="left" vertical="center"/>
    </xf>
    <xf numFmtId="0" fontId="2" fillId="0" borderId="21" xfId="2" applyFont="1" applyFill="1" applyBorder="1" applyAlignment="1">
      <alignment horizontal="left" vertical="center"/>
    </xf>
    <xf numFmtId="0" fontId="2" fillId="0" borderId="16" xfId="1" applyFont="1" applyFill="1" applyBorder="1" applyAlignment="1">
      <alignment horizontal="center" vertical="center"/>
    </xf>
    <xf numFmtId="0" fontId="2" fillId="0" borderId="17" xfId="1" applyFont="1" applyFill="1" applyBorder="1" applyAlignment="1">
      <alignment horizontal="center" vertical="center"/>
    </xf>
    <xf numFmtId="0" fontId="2" fillId="0" borderId="21" xfId="1" applyFont="1" applyFill="1" applyBorder="1" applyAlignment="1">
      <alignment horizontal="center" vertical="center"/>
    </xf>
    <xf numFmtId="0" fontId="2" fillId="0" borderId="16" xfId="2" applyFont="1" applyFill="1" applyBorder="1" applyAlignment="1">
      <alignment vertical="center"/>
    </xf>
    <xf numFmtId="0" fontId="5" fillId="0" borderId="21" xfId="0" applyFont="1" applyFill="1" applyBorder="1" applyAlignment="1">
      <alignment vertical="center"/>
    </xf>
    <xf numFmtId="0" fontId="9" fillId="0" borderId="6" xfId="2" applyFont="1" applyFill="1" applyBorder="1" applyAlignment="1">
      <alignment horizontal="center" vertical="center" shrinkToFit="1"/>
    </xf>
    <xf numFmtId="0" fontId="9" fillId="0" borderId="7" xfId="2" applyFont="1" applyFill="1" applyBorder="1" applyAlignment="1">
      <alignment horizontal="center" vertical="center" shrinkToFit="1"/>
    </xf>
    <xf numFmtId="0" fontId="9" fillId="0" borderId="8" xfId="2" applyFont="1" applyFill="1" applyBorder="1" applyAlignment="1">
      <alignment horizontal="center" vertical="center" shrinkToFit="1"/>
    </xf>
    <xf numFmtId="0" fontId="2" fillId="0" borderId="0" xfId="2" applyFont="1" applyFill="1" applyAlignment="1">
      <alignment horizontal="left" vertical="center"/>
    </xf>
    <xf numFmtId="0" fontId="5" fillId="0" borderId="0" xfId="0" applyFont="1" applyFill="1" applyAlignment="1">
      <alignment vertical="center"/>
    </xf>
    <xf numFmtId="0" fontId="2" fillId="0" borderId="1" xfId="1" applyFont="1" applyFill="1" applyBorder="1" applyAlignment="1">
      <alignment horizontal="center" vertical="center"/>
    </xf>
    <xf numFmtId="0" fontId="2" fillId="0" borderId="4" xfId="1" applyFont="1" applyFill="1" applyBorder="1" applyAlignment="1">
      <alignment horizontal="center" vertical="center" wrapText="1"/>
    </xf>
    <xf numFmtId="0" fontId="7" fillId="0" borderId="4" xfId="1" applyFont="1" applyFill="1" applyBorder="1" applyAlignment="1">
      <alignment vertical="center" wrapText="1"/>
    </xf>
    <xf numFmtId="0" fontId="5" fillId="0" borderId="5" xfId="0" applyFont="1" applyFill="1" applyBorder="1" applyAlignment="1">
      <alignment vertical="center" wrapText="1"/>
    </xf>
    <xf numFmtId="0" fontId="2" fillId="0" borderId="26" xfId="1" applyFont="1" applyFill="1" applyBorder="1" applyAlignment="1">
      <alignment horizontal="center" vertical="center" textRotation="255"/>
    </xf>
    <xf numFmtId="0" fontId="2" fillId="0" borderId="27" xfId="1" applyFont="1" applyFill="1" applyBorder="1" applyAlignment="1">
      <alignment horizontal="center" vertical="center" textRotation="255"/>
    </xf>
    <xf numFmtId="0" fontId="2" fillId="0" borderId="20" xfId="1" applyFont="1" applyFill="1" applyBorder="1" applyAlignment="1">
      <alignment horizontal="center" vertical="center" textRotation="255"/>
    </xf>
    <xf numFmtId="0" fontId="2" fillId="0" borderId="16" xfId="1" applyFont="1" applyFill="1" applyBorder="1" applyAlignment="1">
      <alignment vertical="center"/>
    </xf>
    <xf numFmtId="0" fontId="2" fillId="0" borderId="17" xfId="1" applyFont="1" applyFill="1" applyBorder="1" applyAlignment="1">
      <alignment vertical="center"/>
    </xf>
    <xf numFmtId="0" fontId="2" fillId="0" borderId="21" xfId="1" applyFont="1" applyFill="1" applyBorder="1" applyAlignment="1">
      <alignment vertical="center"/>
    </xf>
    <xf numFmtId="0" fontId="2" fillId="0" borderId="16" xfId="1" applyFont="1" applyFill="1" applyBorder="1" applyAlignment="1">
      <alignment vertical="center" shrinkToFit="1"/>
    </xf>
    <xf numFmtId="0" fontId="2" fillId="0" borderId="17" xfId="1" applyFont="1" applyFill="1" applyBorder="1" applyAlignment="1">
      <alignment vertical="center" shrinkToFit="1"/>
    </xf>
    <xf numFmtId="0" fontId="2" fillId="0" borderId="21" xfId="1" applyFont="1" applyFill="1" applyBorder="1" applyAlignment="1">
      <alignment vertical="center" shrinkToFit="1"/>
    </xf>
    <xf numFmtId="0" fontId="5" fillId="0" borderId="7" xfId="0" applyFont="1" applyFill="1" applyBorder="1" applyAlignment="1">
      <alignment vertical="center"/>
    </xf>
    <xf numFmtId="0" fontId="5" fillId="0" borderId="8" xfId="0" applyFont="1" applyFill="1" applyBorder="1" applyAlignment="1">
      <alignment vertical="center"/>
    </xf>
    <xf numFmtId="0" fontId="2" fillId="0" borderId="10" xfId="1" applyFont="1" applyFill="1" applyBorder="1" applyAlignment="1">
      <alignment horizontal="center" vertical="center"/>
    </xf>
    <xf numFmtId="0" fontId="2" fillId="0" borderId="8" xfId="1" applyFont="1" applyFill="1" applyBorder="1" applyAlignment="1">
      <alignment horizontal="center" vertical="center"/>
    </xf>
    <xf numFmtId="0" fontId="2" fillId="0" borderId="7" xfId="1" applyFont="1" applyFill="1" applyBorder="1" applyAlignment="1">
      <alignment horizontal="center" vertical="center"/>
    </xf>
    <xf numFmtId="0" fontId="2" fillId="0" borderId="12" xfId="1" applyFont="1" applyFill="1" applyBorder="1" applyAlignment="1">
      <alignment horizontal="center" vertical="center"/>
    </xf>
    <xf numFmtId="0" fontId="2" fillId="0" borderId="1" xfId="1" applyFont="1" applyFill="1" applyBorder="1" applyAlignment="1">
      <alignment vertical="center"/>
    </xf>
    <xf numFmtId="0" fontId="5" fillId="0" borderId="2" xfId="0" applyFont="1" applyFill="1" applyBorder="1" applyAlignment="1">
      <alignment vertical="center"/>
    </xf>
    <xf numFmtId="0" fontId="2" fillId="0" borderId="2" xfId="1" applyFont="1" applyFill="1" applyBorder="1" applyAlignment="1">
      <alignment vertical="center"/>
    </xf>
    <xf numFmtId="0" fontId="2" fillId="0" borderId="5" xfId="1" applyFont="1" applyFill="1" applyBorder="1" applyAlignment="1">
      <alignment vertical="center"/>
    </xf>
    <xf numFmtId="0" fontId="6" fillId="0" borderId="64" xfId="0" applyFont="1" applyFill="1" applyBorder="1" applyAlignment="1">
      <alignment horizontal="center" vertical="center"/>
    </xf>
    <xf numFmtId="0" fontId="6" fillId="0" borderId="65" xfId="0" applyFont="1" applyFill="1" applyBorder="1" applyAlignment="1">
      <alignment horizontal="center" vertical="center"/>
    </xf>
    <xf numFmtId="0" fontId="6" fillId="0" borderId="15" xfId="0" applyFont="1" applyFill="1" applyBorder="1" applyAlignment="1">
      <alignment horizontal="center" vertical="center"/>
    </xf>
    <xf numFmtId="0" fontId="6" fillId="0" borderId="55" xfId="0" applyFont="1" applyFill="1" applyBorder="1" applyAlignment="1">
      <alignment horizontal="center" vertical="center"/>
    </xf>
    <xf numFmtId="0" fontId="6" fillId="0" borderId="38" xfId="0" applyFont="1" applyFill="1" applyBorder="1" applyAlignment="1">
      <alignment horizontal="center" vertical="center"/>
    </xf>
    <xf numFmtId="0" fontId="6" fillId="0" borderId="39" xfId="0" applyFont="1" applyFill="1" applyBorder="1" applyAlignment="1">
      <alignment horizontal="center" vertical="center"/>
    </xf>
    <xf numFmtId="0" fontId="6" fillId="0" borderId="68" xfId="0" applyFont="1" applyFill="1" applyBorder="1" applyAlignment="1">
      <alignment horizontal="center" vertical="center"/>
    </xf>
    <xf numFmtId="0" fontId="6" fillId="0" borderId="69" xfId="0" applyFont="1" applyFill="1" applyBorder="1" applyAlignment="1">
      <alignment horizontal="center" vertical="center"/>
    </xf>
    <xf numFmtId="0" fontId="6" fillId="0" borderId="45" xfId="0" applyFont="1" applyFill="1" applyBorder="1" applyAlignment="1">
      <alignment horizontal="center" vertical="center"/>
    </xf>
    <xf numFmtId="0" fontId="6" fillId="0" borderId="59" xfId="0" applyFont="1" applyFill="1" applyBorder="1" applyAlignment="1">
      <alignment horizontal="center" vertical="center"/>
    </xf>
    <xf numFmtId="0" fontId="6" fillId="0" borderId="1" xfId="3" applyFont="1" applyFill="1" applyBorder="1" applyAlignment="1">
      <alignment horizontal="center" vertical="center"/>
    </xf>
    <xf numFmtId="0" fontId="6" fillId="0" borderId="3" xfId="3" applyFont="1" applyFill="1" applyBorder="1" applyAlignment="1">
      <alignment horizontal="center" vertical="center"/>
    </xf>
    <xf numFmtId="0" fontId="6" fillId="0" borderId="156" xfId="0" applyFont="1" applyFill="1" applyBorder="1" applyAlignment="1">
      <alignment vertical="center"/>
    </xf>
    <xf numFmtId="0" fontId="6" fillId="0" borderId="66" xfId="0" applyFont="1" applyFill="1" applyBorder="1" applyAlignment="1">
      <alignment vertical="center"/>
    </xf>
    <xf numFmtId="0" fontId="0" fillId="0" borderId="66" xfId="0" applyFill="1" applyBorder="1" applyAlignment="1">
      <alignment vertical="center"/>
    </xf>
    <xf numFmtId="0" fontId="6" fillId="0" borderId="157" xfId="0" applyFont="1" applyFill="1" applyBorder="1"/>
    <xf numFmtId="0" fontId="6" fillId="0" borderId="158" xfId="0" applyFont="1" applyFill="1" applyBorder="1"/>
    <xf numFmtId="0" fontId="6" fillId="0" borderId="0" xfId="0" applyFont="1" applyFill="1" applyBorder="1"/>
    <xf numFmtId="0" fontId="6" fillId="0" borderId="44" xfId="0" applyFont="1" applyFill="1" applyBorder="1"/>
    <xf numFmtId="0" fontId="6" fillId="0" borderId="41" xfId="0" applyFont="1" applyFill="1" applyBorder="1"/>
    <xf numFmtId="0" fontId="6" fillId="0" borderId="42" xfId="0" applyFont="1" applyFill="1" applyBorder="1"/>
    <xf numFmtId="0" fontId="6" fillId="0" borderId="159" xfId="0" applyFont="1" applyFill="1" applyBorder="1" applyAlignment="1">
      <alignment vertical="center"/>
    </xf>
    <xf numFmtId="0" fontId="6" fillId="0" borderId="70" xfId="0" applyFont="1" applyFill="1" applyBorder="1" applyAlignment="1">
      <alignment vertical="center"/>
    </xf>
    <xf numFmtId="0" fontId="0" fillId="0" borderId="70" xfId="0" applyFill="1" applyBorder="1" applyAlignment="1">
      <alignment vertical="center"/>
    </xf>
    <xf numFmtId="0" fontId="6" fillId="0" borderId="13" xfId="0" applyFont="1" applyFill="1" applyBorder="1"/>
    <xf numFmtId="0" fontId="6" fillId="0" borderId="47" xfId="0" applyFont="1" applyFill="1" applyBorder="1"/>
    <xf numFmtId="0" fontId="6" fillId="0" borderId="0" xfId="3" applyFont="1" applyFill="1" applyAlignment="1">
      <alignment horizontal="distributed"/>
    </xf>
    <xf numFmtId="0" fontId="6" fillId="0" borderId="0" xfId="3" applyFont="1" applyFill="1" applyAlignment="1"/>
    <xf numFmtId="0" fontId="6" fillId="0" borderId="0" xfId="3" applyNumberFormat="1" applyFont="1" applyFill="1" applyAlignment="1"/>
    <xf numFmtId="0" fontId="6" fillId="0" borderId="1" xfId="3" applyFont="1" applyFill="1" applyBorder="1" applyAlignment="1">
      <alignment horizontal="center"/>
    </xf>
    <xf numFmtId="0" fontId="6" fillId="0" borderId="3" xfId="3" applyFont="1" applyFill="1" applyBorder="1" applyAlignment="1">
      <alignment horizontal="center"/>
    </xf>
    <xf numFmtId="0" fontId="6" fillId="0" borderId="4" xfId="3" applyFont="1" applyFill="1" applyBorder="1" applyAlignment="1">
      <alignment horizontal="center"/>
    </xf>
    <xf numFmtId="0" fontId="6" fillId="0" borderId="5" xfId="3" applyFont="1" applyFill="1" applyBorder="1" applyAlignment="1">
      <alignment horizontal="center"/>
    </xf>
    <xf numFmtId="0" fontId="6" fillId="0" borderId="11" xfId="0" applyFont="1" applyFill="1" applyBorder="1" applyAlignment="1">
      <alignment horizontal="center" vertical="center"/>
    </xf>
    <xf numFmtId="0" fontId="6" fillId="0" borderId="7" xfId="0" applyFont="1" applyFill="1" applyBorder="1" applyAlignment="1">
      <alignment horizontal="center" vertical="center"/>
    </xf>
    <xf numFmtId="0" fontId="6" fillId="0" borderId="12" xfId="0" applyFont="1" applyFill="1" applyBorder="1" applyAlignment="1">
      <alignment horizontal="center" vertical="center"/>
    </xf>
    <xf numFmtId="0" fontId="6" fillId="0" borderId="6" xfId="3" applyFont="1" applyFill="1" applyBorder="1" applyAlignment="1">
      <alignment horizontal="center" vertical="center"/>
    </xf>
    <xf numFmtId="0" fontId="6" fillId="0" borderId="8" xfId="3" applyFont="1" applyFill="1" applyBorder="1" applyAlignment="1">
      <alignment horizontal="center" vertical="center"/>
    </xf>
    <xf numFmtId="0" fontId="2" fillId="0" borderId="30" xfId="7" applyFont="1" applyFill="1" applyBorder="1" applyAlignment="1">
      <alignment vertical="center"/>
    </xf>
    <xf numFmtId="0" fontId="0" fillId="0" borderId="72" xfId="0" applyFill="1" applyBorder="1" applyAlignment="1">
      <alignment vertical="center"/>
    </xf>
    <xf numFmtId="0" fontId="0" fillId="0" borderId="15" xfId="0" applyFill="1" applyBorder="1" applyAlignment="1">
      <alignment vertical="center"/>
    </xf>
    <xf numFmtId="0" fontId="0" fillId="0" borderId="55" xfId="0" applyFill="1" applyBorder="1" applyAlignment="1">
      <alignment vertical="center"/>
    </xf>
    <xf numFmtId="0" fontId="0" fillId="0" borderId="38" xfId="0" applyFill="1" applyBorder="1" applyAlignment="1">
      <alignment vertical="center"/>
    </xf>
    <xf numFmtId="0" fontId="0" fillId="0" borderId="39" xfId="0" applyFill="1" applyBorder="1" applyAlignment="1">
      <alignment vertical="center"/>
    </xf>
    <xf numFmtId="0" fontId="2" fillId="0" borderId="73" xfId="7" applyFont="1" applyFill="1" applyBorder="1" applyAlignment="1">
      <alignment vertical="center"/>
    </xf>
    <xf numFmtId="0" fontId="0" fillId="0" borderId="54" xfId="0" applyFill="1" applyBorder="1" applyAlignment="1">
      <alignment vertical="center"/>
    </xf>
    <xf numFmtId="0" fontId="0" fillId="0" borderId="57" xfId="0" applyFill="1" applyBorder="1" applyAlignment="1">
      <alignment vertical="center"/>
    </xf>
    <xf numFmtId="0" fontId="2" fillId="0" borderId="16" xfId="7" applyFill="1" applyBorder="1" applyAlignment="1">
      <alignment vertical="center"/>
    </xf>
    <xf numFmtId="0" fontId="0" fillId="0" borderId="17" xfId="0" applyFill="1" applyBorder="1" applyAlignment="1">
      <alignment vertical="center"/>
    </xf>
    <xf numFmtId="0" fontId="0" fillId="0" borderId="21" xfId="0" applyFill="1" applyBorder="1" applyAlignment="1">
      <alignment vertical="center"/>
    </xf>
    <xf numFmtId="0" fontId="2" fillId="0" borderId="56" xfId="7" applyFill="1" applyBorder="1" applyAlignment="1">
      <alignment horizontal="center" vertical="center"/>
    </xf>
    <xf numFmtId="0" fontId="2" fillId="0" borderId="57" xfId="7" applyFill="1" applyBorder="1" applyAlignment="1">
      <alignment horizontal="center" vertical="center"/>
    </xf>
    <xf numFmtId="0" fontId="0" fillId="0" borderId="16" xfId="0" applyFill="1" applyBorder="1" applyAlignment="1">
      <alignment vertical="center"/>
    </xf>
    <xf numFmtId="0" fontId="0" fillId="0" borderId="17" xfId="0" applyFill="1" applyBorder="1" applyAlignment="1"/>
    <xf numFmtId="0" fontId="0" fillId="0" borderId="21" xfId="0" applyFill="1" applyBorder="1" applyAlignment="1"/>
    <xf numFmtId="0" fontId="2" fillId="0" borderId="25" xfId="7" applyFill="1" applyBorder="1" applyAlignment="1">
      <alignment horizontal="center" vertical="center"/>
    </xf>
    <xf numFmtId="0" fontId="2" fillId="0" borderId="0" xfId="7" applyFill="1" applyBorder="1" applyAlignment="1">
      <alignment horizontal="center" vertical="center"/>
    </xf>
    <xf numFmtId="0" fontId="2" fillId="0" borderId="41" xfId="7" applyFill="1" applyBorder="1" applyAlignment="1">
      <alignment horizontal="center" vertical="center"/>
    </xf>
    <xf numFmtId="0" fontId="2" fillId="0" borderId="1" xfId="7" applyFont="1" applyFill="1" applyBorder="1" applyAlignment="1">
      <alignment vertical="center"/>
    </xf>
    <xf numFmtId="0" fontId="0" fillId="0" borderId="3" xfId="0" applyFill="1" applyBorder="1" applyAlignment="1">
      <alignment vertical="center"/>
    </xf>
    <xf numFmtId="0" fontId="2" fillId="0" borderId="2" xfId="7" applyFont="1" applyFill="1" applyBorder="1" applyAlignment="1">
      <alignment horizontal="right" vertical="center"/>
    </xf>
    <xf numFmtId="0" fontId="0" fillId="0" borderId="3" xfId="0" applyFill="1" applyBorder="1" applyAlignment="1">
      <alignment horizontal="right" vertical="center"/>
    </xf>
    <xf numFmtId="0" fontId="2" fillId="0" borderId="2" xfId="7" applyFont="1" applyFill="1" applyBorder="1" applyAlignment="1">
      <alignment vertical="center"/>
    </xf>
    <xf numFmtId="0" fontId="0" fillId="0" borderId="2" xfId="0" applyFill="1" applyBorder="1" applyAlignment="1">
      <alignment vertical="center"/>
    </xf>
    <xf numFmtId="0" fontId="0" fillId="0" borderId="5" xfId="0" applyFill="1" applyBorder="1" applyAlignment="1">
      <alignment vertical="center"/>
    </xf>
    <xf numFmtId="0" fontId="2" fillId="0" borderId="33" xfId="7" applyFont="1" applyFill="1" applyBorder="1" applyAlignment="1">
      <alignment vertical="center"/>
    </xf>
    <xf numFmtId="0" fontId="0" fillId="0" borderId="34" xfId="0" applyFill="1" applyBorder="1" applyAlignment="1">
      <alignment vertical="center"/>
    </xf>
    <xf numFmtId="0" fontId="2" fillId="0" borderId="56" xfId="7" applyFill="1" applyBorder="1" applyAlignment="1">
      <alignment vertical="center" shrinkToFit="1"/>
    </xf>
    <xf numFmtId="0" fontId="2" fillId="0" borderId="57" xfId="7" applyFill="1" applyBorder="1" applyAlignment="1">
      <alignment vertical="center" shrinkToFit="1"/>
    </xf>
    <xf numFmtId="0" fontId="2" fillId="0" borderId="35" xfId="7" applyFill="1" applyBorder="1" applyAlignment="1">
      <alignment vertical="top" wrapText="1"/>
    </xf>
    <xf numFmtId="0" fontId="0" fillId="0" borderId="36" xfId="0" applyFill="1" applyBorder="1" applyAlignment="1">
      <alignment vertical="top" wrapText="1"/>
    </xf>
    <xf numFmtId="0" fontId="0" fillId="0" borderId="37" xfId="0" applyFill="1" applyBorder="1" applyAlignment="1">
      <alignment vertical="top" wrapText="1"/>
    </xf>
    <xf numFmtId="0" fontId="0" fillId="0" borderId="40" xfId="0" applyFill="1" applyBorder="1" applyAlignment="1">
      <alignment vertical="top" wrapText="1"/>
    </xf>
    <xf numFmtId="0" fontId="0" fillId="0" borderId="41" xfId="0" applyFill="1" applyBorder="1" applyAlignment="1">
      <alignment vertical="top" wrapText="1"/>
    </xf>
    <xf numFmtId="0" fontId="0" fillId="0" borderId="42" xfId="0" applyFill="1" applyBorder="1" applyAlignment="1">
      <alignment vertical="top" wrapText="1"/>
    </xf>
    <xf numFmtId="0" fontId="2" fillId="0" borderId="75" xfId="7" applyFill="1" applyBorder="1" applyAlignment="1"/>
    <xf numFmtId="0" fontId="0" fillId="0" borderId="76" xfId="0" applyFill="1" applyBorder="1" applyAlignment="1"/>
    <xf numFmtId="0" fontId="0" fillId="0" borderId="77" xfId="0" applyFill="1" applyBorder="1" applyAlignment="1"/>
    <xf numFmtId="0" fontId="2" fillId="0" borderId="33" xfId="7" applyFill="1" applyBorder="1" applyAlignment="1">
      <alignment vertical="center"/>
    </xf>
    <xf numFmtId="0" fontId="0" fillId="0" borderId="45" xfId="0" applyFill="1" applyBorder="1" applyAlignment="1">
      <alignment vertical="center"/>
    </xf>
    <xf numFmtId="0" fontId="0" fillId="0" borderId="59" xfId="0" applyFill="1" applyBorder="1" applyAlignment="1">
      <alignment vertical="center"/>
    </xf>
    <xf numFmtId="0" fontId="2" fillId="0" borderId="35" xfId="7" applyFont="1" applyFill="1" applyBorder="1" applyAlignment="1">
      <alignment vertical="top"/>
    </xf>
    <xf numFmtId="0" fontId="0" fillId="0" borderId="36" xfId="0" applyFill="1" applyBorder="1" applyAlignment="1">
      <alignment vertical="top"/>
    </xf>
    <xf numFmtId="0" fontId="0" fillId="0" borderId="37" xfId="0" applyFill="1" applyBorder="1" applyAlignment="1">
      <alignment vertical="top"/>
    </xf>
    <xf numFmtId="0" fontId="0" fillId="0" borderId="43" xfId="0" applyFill="1" applyBorder="1" applyAlignment="1">
      <alignment vertical="top"/>
    </xf>
    <xf numFmtId="0" fontId="0" fillId="0" borderId="0" xfId="0" applyFill="1" applyBorder="1" applyAlignment="1">
      <alignment vertical="top"/>
    </xf>
    <xf numFmtId="0" fontId="0" fillId="0" borderId="44" xfId="0" applyFill="1" applyBorder="1" applyAlignment="1">
      <alignment vertical="top"/>
    </xf>
    <xf numFmtId="0" fontId="0" fillId="0" borderId="40" xfId="0" applyFill="1" applyBorder="1" applyAlignment="1">
      <alignment vertical="top"/>
    </xf>
    <xf numFmtId="0" fontId="0" fillId="0" borderId="41" xfId="0" applyFill="1" applyBorder="1" applyAlignment="1">
      <alignment vertical="top"/>
    </xf>
    <xf numFmtId="0" fontId="0" fillId="0" borderId="42" xfId="0" applyFill="1" applyBorder="1" applyAlignment="1">
      <alignment vertical="top"/>
    </xf>
    <xf numFmtId="0" fontId="2" fillId="0" borderId="11" xfId="7" applyFont="1" applyFill="1" applyBorder="1" applyAlignment="1">
      <alignment vertical="center"/>
    </xf>
    <xf numFmtId="0" fontId="0" fillId="0" borderId="8" xfId="0" applyFill="1" applyBorder="1" applyAlignment="1">
      <alignment vertical="center"/>
    </xf>
    <xf numFmtId="0" fontId="2" fillId="0" borderId="11" xfId="7" applyFont="1" applyFill="1" applyBorder="1" applyAlignment="1">
      <alignment horizontal="center" vertical="center"/>
    </xf>
    <xf numFmtId="0" fontId="0" fillId="0" borderId="8" xfId="0" applyFill="1" applyBorder="1" applyAlignment="1">
      <alignment horizontal="center" vertical="center"/>
    </xf>
    <xf numFmtId="0" fontId="2" fillId="0" borderId="78" xfId="7" applyFill="1" applyBorder="1" applyAlignment="1"/>
    <xf numFmtId="0" fontId="0" fillId="0" borderId="79" xfId="0" applyFill="1" applyBorder="1" applyAlignment="1"/>
    <xf numFmtId="0" fontId="0" fillId="0" borderId="80" xfId="0" applyFill="1" applyBorder="1" applyAlignment="1"/>
    <xf numFmtId="0" fontId="2" fillId="0" borderId="16" xfId="7" applyFont="1" applyFill="1" applyBorder="1" applyAlignment="1">
      <alignment horizontal="center" vertical="center"/>
    </xf>
    <xf numFmtId="0" fontId="2" fillId="0" borderId="21" xfId="7" applyFont="1" applyFill="1" applyBorder="1" applyAlignment="1">
      <alignment horizontal="center" vertical="center"/>
    </xf>
    <xf numFmtId="0" fontId="6" fillId="0" borderId="66" xfId="0" applyFont="1" applyFill="1" applyBorder="1" applyAlignment="1">
      <alignment horizontal="center" vertical="center"/>
    </xf>
    <xf numFmtId="0" fontId="6" fillId="0" borderId="88" xfId="0" applyFont="1" applyFill="1" applyBorder="1" applyAlignment="1">
      <alignment horizontal="center" vertical="center"/>
    </xf>
    <xf numFmtId="0" fontId="6" fillId="0" borderId="27" xfId="0" applyFont="1" applyFill="1" applyBorder="1" applyAlignment="1">
      <alignment horizontal="center" vertical="center"/>
    </xf>
    <xf numFmtId="0" fontId="6" fillId="0" borderId="28" xfId="0" applyFont="1" applyFill="1" applyBorder="1" applyAlignment="1">
      <alignment horizontal="center" vertical="center"/>
    </xf>
    <xf numFmtId="0" fontId="2" fillId="0" borderId="81" xfId="7" applyFill="1" applyBorder="1" applyAlignment="1"/>
    <xf numFmtId="0" fontId="0" fillId="0" borderId="82" xfId="0" applyFill="1" applyBorder="1" applyAlignment="1"/>
    <xf numFmtId="0" fontId="0" fillId="0" borderId="83" xfId="0" applyFill="1" applyBorder="1" applyAlignment="1"/>
    <xf numFmtId="0" fontId="2" fillId="0" borderId="84" xfId="7" applyFill="1" applyBorder="1" applyAlignment="1"/>
    <xf numFmtId="0" fontId="0" fillId="0" borderId="85" xfId="0" applyFill="1" applyBorder="1" applyAlignment="1"/>
    <xf numFmtId="0" fontId="0" fillId="0" borderId="86" xfId="0" applyFill="1" applyBorder="1" applyAlignment="1"/>
    <xf numFmtId="0" fontId="2" fillId="0" borderId="23" xfId="7" applyFont="1" applyFill="1" applyBorder="1" applyAlignment="1">
      <alignment vertical="center" wrapText="1"/>
    </xf>
    <xf numFmtId="0" fontId="2" fillId="0" borderId="16" xfId="7" applyFont="1" applyFill="1" applyBorder="1" applyAlignment="1">
      <alignment vertical="center"/>
    </xf>
    <xf numFmtId="0" fontId="2" fillId="0" borderId="17" xfId="7" applyFill="1" applyBorder="1" applyAlignment="1">
      <alignment vertical="center"/>
    </xf>
    <xf numFmtId="0" fontId="2" fillId="0" borderId="21" xfId="7" applyFill="1" applyBorder="1" applyAlignment="1">
      <alignment vertical="center"/>
    </xf>
    <xf numFmtId="0" fontId="7" fillId="0" borderId="23" xfId="7" applyFont="1" applyFill="1" applyBorder="1" applyAlignment="1">
      <alignment vertical="center" wrapText="1"/>
    </xf>
    <xf numFmtId="0" fontId="10" fillId="0" borderId="21" xfId="0" applyFont="1" applyFill="1" applyBorder="1" applyAlignment="1">
      <alignment vertical="center" wrapText="1"/>
    </xf>
    <xf numFmtId="0" fontId="2" fillId="0" borderId="17" xfId="7" applyFont="1" applyFill="1" applyBorder="1" applyAlignment="1">
      <alignment vertical="center"/>
    </xf>
    <xf numFmtId="0" fontId="2" fillId="0" borderId="11" xfId="7" applyFont="1" applyFill="1" applyBorder="1" applyAlignment="1">
      <alignment horizontal="right" vertical="center"/>
    </xf>
    <xf numFmtId="0" fontId="2" fillId="0" borderId="7" xfId="7" applyFont="1" applyFill="1" applyBorder="1" applyAlignment="1">
      <alignment horizontal="right" vertical="center"/>
    </xf>
    <xf numFmtId="0" fontId="2" fillId="0" borderId="8" xfId="7" applyFont="1" applyFill="1" applyBorder="1" applyAlignment="1">
      <alignment horizontal="right" vertical="center"/>
    </xf>
    <xf numFmtId="0" fontId="17" fillId="0" borderId="0" xfId="0" applyFont="1" applyAlignment="1">
      <alignment vertical="center"/>
    </xf>
    <xf numFmtId="0" fontId="42" fillId="3" borderId="1" xfId="17" applyFont="1" applyFill="1" applyBorder="1" applyAlignment="1">
      <alignment horizontal="center" vertical="center" shrinkToFit="1"/>
    </xf>
    <xf numFmtId="0" fontId="16" fillId="3" borderId="2" xfId="17" applyFont="1" applyFill="1" applyBorder="1" applyAlignment="1">
      <alignment horizontal="center" vertical="center" shrinkToFit="1"/>
    </xf>
    <xf numFmtId="0" fontId="16" fillId="3" borderId="5" xfId="17" applyFont="1" applyFill="1" applyBorder="1" applyAlignment="1">
      <alignment horizontal="center" vertical="center" shrinkToFit="1"/>
    </xf>
    <xf numFmtId="0" fontId="37" fillId="0" borderId="162" xfId="17" applyFont="1" applyBorder="1" applyAlignment="1">
      <alignment horizontal="center" vertical="center" wrapText="1" shrinkToFit="1"/>
    </xf>
    <xf numFmtId="0" fontId="37" fillId="0" borderId="167" xfId="17" applyFont="1" applyBorder="1" applyAlignment="1">
      <alignment horizontal="center" vertical="center" shrinkToFit="1"/>
    </xf>
    <xf numFmtId="0" fontId="37" fillId="0" borderId="169" xfId="17" applyFont="1" applyBorder="1" applyAlignment="1">
      <alignment horizontal="center" vertical="center" shrinkToFit="1"/>
    </xf>
    <xf numFmtId="0" fontId="37" fillId="0" borderId="123" xfId="16" applyFont="1" applyBorder="1" applyAlignment="1">
      <alignment horizontal="center" vertical="center" textRotation="255" shrinkToFit="1"/>
    </xf>
    <xf numFmtId="0" fontId="37" fillId="0" borderId="161" xfId="16" applyFont="1" applyBorder="1" applyAlignment="1">
      <alignment horizontal="center" vertical="center" textRotation="255" shrinkToFit="1"/>
    </xf>
    <xf numFmtId="0" fontId="37" fillId="0" borderId="168" xfId="16" applyFont="1" applyBorder="1" applyAlignment="1">
      <alignment horizontal="center" vertical="center" textRotation="255" shrinkToFit="1"/>
    </xf>
    <xf numFmtId="0" fontId="37" fillId="0" borderId="73" xfId="16" applyFont="1" applyBorder="1" applyAlignment="1">
      <alignment horizontal="center" vertical="center" wrapText="1" shrinkToFit="1"/>
    </xf>
    <xf numFmtId="0" fontId="37" fillId="0" borderId="54" xfId="16" applyFont="1" applyBorder="1" applyAlignment="1">
      <alignment horizontal="center" vertical="center" shrinkToFit="1"/>
    </xf>
    <xf numFmtId="0" fontId="37" fillId="0" borderId="58" xfId="16" applyFont="1" applyBorder="1" applyAlignment="1">
      <alignment horizontal="center" vertical="center" shrinkToFit="1"/>
    </xf>
    <xf numFmtId="0" fontId="37" fillId="0" borderId="73" xfId="16" applyFont="1" applyBorder="1" applyAlignment="1">
      <alignment horizontal="center" vertical="center" shrinkToFit="1"/>
    </xf>
    <xf numFmtId="0" fontId="37" fillId="0" borderId="44" xfId="16" applyFont="1" applyBorder="1" applyAlignment="1">
      <alignment horizontal="left" vertical="center" textRotation="180"/>
    </xf>
    <xf numFmtId="0" fontId="37" fillId="0" borderId="179" xfId="16" applyFont="1" applyBorder="1" applyAlignment="1">
      <alignment shrinkToFit="1"/>
    </xf>
    <xf numFmtId="0" fontId="37" fillId="0" borderId="24" xfId="16" applyFont="1" applyBorder="1" applyAlignment="1">
      <alignment shrinkToFit="1"/>
    </xf>
    <xf numFmtId="0" fontId="37" fillId="0" borderId="182" xfId="16" applyFont="1" applyBorder="1" applyAlignment="1">
      <alignment shrinkToFit="1"/>
    </xf>
    <xf numFmtId="0" fontId="37" fillId="0" borderId="90" xfId="16" applyFont="1" applyBorder="1" applyAlignment="1">
      <alignment shrinkToFit="1"/>
    </xf>
    <xf numFmtId="0" fontId="37" fillId="3" borderId="163" xfId="17" applyFont="1" applyFill="1" applyBorder="1" applyAlignment="1">
      <alignment horizontal="center" vertical="center" textRotation="255" shrinkToFit="1"/>
    </xf>
    <xf numFmtId="0" fontId="37" fillId="3" borderId="165" xfId="17" applyFont="1" applyFill="1" applyBorder="1" applyAlignment="1">
      <alignment horizontal="center" vertical="center" textRotation="255" shrinkToFit="1"/>
    </xf>
    <xf numFmtId="0" fontId="37" fillId="3" borderId="170" xfId="17" applyFont="1" applyFill="1" applyBorder="1" applyAlignment="1">
      <alignment horizontal="center" vertical="center" textRotation="255" shrinkToFit="1"/>
    </xf>
    <xf numFmtId="0" fontId="37" fillId="3" borderId="166" xfId="16" applyFont="1" applyFill="1" applyBorder="1" applyAlignment="1">
      <alignment horizontal="center" vertical="center" shrinkToFit="1"/>
    </xf>
    <xf numFmtId="0" fontId="37" fillId="3" borderId="44" xfId="16" applyFont="1" applyFill="1" applyBorder="1" applyAlignment="1">
      <alignment horizontal="center" vertical="center" shrinkToFit="1"/>
    </xf>
    <xf numFmtId="0" fontId="37" fillId="3" borderId="172" xfId="16" applyFont="1" applyFill="1" applyBorder="1" applyAlignment="1">
      <alignment horizontal="center" vertical="center" shrinkToFit="1"/>
    </xf>
    <xf numFmtId="0" fontId="37" fillId="3" borderId="47" xfId="16" applyFont="1" applyFill="1" applyBorder="1" applyAlignment="1">
      <alignment horizontal="center" vertical="center" shrinkToFit="1"/>
    </xf>
    <xf numFmtId="0" fontId="37" fillId="0" borderId="176" xfId="16" applyFont="1" applyBorder="1" applyAlignment="1">
      <alignment shrinkToFit="1"/>
    </xf>
    <xf numFmtId="0" fontId="37" fillId="0" borderId="74" xfId="16" applyFont="1" applyBorder="1" applyAlignment="1">
      <alignment shrinkToFit="1"/>
    </xf>
    <xf numFmtId="0" fontId="37" fillId="3" borderId="164" xfId="17" applyFont="1" applyFill="1" applyBorder="1" applyAlignment="1">
      <alignment horizontal="center" vertical="center" textRotation="255" shrinkToFit="1"/>
    </xf>
    <xf numFmtId="0" fontId="37" fillId="3" borderId="173" xfId="17" applyFont="1" applyFill="1" applyBorder="1" applyAlignment="1">
      <alignment horizontal="center" vertical="center" textRotation="255" shrinkToFit="1"/>
    </xf>
    <xf numFmtId="0" fontId="37" fillId="0" borderId="178" xfId="16" applyFont="1" applyBorder="1" applyAlignment="1">
      <alignment shrinkToFit="1"/>
    </xf>
    <xf numFmtId="0" fontId="37" fillId="0" borderId="19" xfId="16" applyFont="1" applyBorder="1" applyAlignment="1">
      <alignment shrinkToFit="1"/>
    </xf>
    <xf numFmtId="0" fontId="37" fillId="0" borderId="181" xfId="16" applyFont="1" applyBorder="1" applyAlignment="1">
      <alignment shrinkToFit="1"/>
    </xf>
    <xf numFmtId="0" fontId="37" fillId="0" borderId="42" xfId="16" applyFont="1" applyBorder="1" applyAlignment="1">
      <alignment shrinkToFit="1"/>
    </xf>
    <xf numFmtId="0" fontId="37" fillId="0" borderId="183" xfId="16" applyFont="1" applyBorder="1" applyAlignment="1">
      <alignment shrinkToFit="1"/>
    </xf>
    <xf numFmtId="0" fontId="37" fillId="0" borderId="99" xfId="16" applyFont="1" applyBorder="1" applyAlignment="1">
      <alignment shrinkToFit="1"/>
    </xf>
    <xf numFmtId="0" fontId="6" fillId="4" borderId="16" xfId="0" applyFont="1" applyFill="1" applyBorder="1" applyAlignment="1">
      <alignment horizontal="center" vertical="center"/>
    </xf>
    <xf numFmtId="0" fontId="6" fillId="4" borderId="17" xfId="0" applyFont="1" applyFill="1" applyBorder="1" applyAlignment="1">
      <alignment horizontal="center" vertical="center"/>
    </xf>
    <xf numFmtId="0" fontId="0" fillId="0" borderId="36" xfId="0" applyFill="1" applyBorder="1" applyAlignment="1">
      <alignment vertical="center"/>
    </xf>
    <xf numFmtId="0" fontId="0" fillId="0" borderId="41" xfId="0" applyFill="1" applyBorder="1" applyAlignment="1">
      <alignment vertical="center"/>
    </xf>
    <xf numFmtId="0" fontId="0" fillId="0" borderId="0" xfId="0" applyFill="1" applyBorder="1" applyAlignment="1">
      <alignment vertical="center"/>
    </xf>
    <xf numFmtId="0" fontId="0" fillId="0" borderId="13" xfId="0" applyFill="1" applyBorder="1" applyAlignment="1">
      <alignment vertical="center"/>
    </xf>
    <xf numFmtId="0" fontId="6" fillId="0" borderId="36" xfId="0" applyFont="1" applyFill="1" applyBorder="1" applyAlignment="1">
      <alignment horizontal="right" vertical="center"/>
    </xf>
    <xf numFmtId="0" fontId="0" fillId="0" borderId="36" xfId="0" applyFill="1" applyBorder="1" applyAlignment="1">
      <alignment horizontal="right" vertical="center"/>
    </xf>
    <xf numFmtId="0" fontId="6" fillId="0" borderId="0" xfId="0" applyFont="1" applyFill="1" applyBorder="1" applyAlignment="1">
      <alignment horizontal="right" vertical="center"/>
    </xf>
    <xf numFmtId="0" fontId="0" fillId="0" borderId="0" xfId="0" applyFill="1" applyBorder="1" applyAlignment="1">
      <alignment horizontal="right" vertical="center"/>
    </xf>
    <xf numFmtId="0" fontId="6" fillId="0" borderId="13" xfId="0" applyFont="1" applyFill="1" applyBorder="1" applyAlignment="1">
      <alignment horizontal="right" vertical="center"/>
    </xf>
    <xf numFmtId="0" fontId="0" fillId="0" borderId="13" xfId="0" applyFill="1" applyBorder="1" applyAlignment="1">
      <alignment horizontal="right" vertical="center"/>
    </xf>
    <xf numFmtId="0" fontId="0" fillId="0" borderId="0" xfId="0" applyFill="1" applyBorder="1" applyAlignment="1">
      <alignment horizontal="center" vertical="center"/>
    </xf>
    <xf numFmtId="0" fontId="0" fillId="0" borderId="55" xfId="0" applyFill="1" applyBorder="1" applyAlignment="1">
      <alignment horizontal="center" vertical="center"/>
    </xf>
    <xf numFmtId="0" fontId="0" fillId="0" borderId="2" xfId="0" applyFill="1" applyBorder="1" applyAlignment="1">
      <alignment vertical="center" shrinkToFit="1"/>
    </xf>
    <xf numFmtId="0" fontId="0" fillId="0" borderId="3" xfId="0" applyFill="1" applyBorder="1" applyAlignment="1">
      <alignment vertical="center" shrinkToFit="1"/>
    </xf>
    <xf numFmtId="0" fontId="6" fillId="0" borderId="2" xfId="0" applyFont="1" applyFill="1" applyBorder="1" applyAlignment="1">
      <alignment horizontal="right" vertical="center" shrinkToFit="1"/>
    </xf>
    <xf numFmtId="0" fontId="6" fillId="4" borderId="2" xfId="0" applyFont="1" applyFill="1" applyBorder="1" applyAlignment="1">
      <alignment horizontal="center" vertical="center"/>
    </xf>
    <xf numFmtId="0" fontId="6" fillId="4" borderId="5" xfId="0" applyFont="1" applyFill="1" applyBorder="1" applyAlignment="1">
      <alignment horizontal="center" vertical="center"/>
    </xf>
    <xf numFmtId="0" fontId="6" fillId="0" borderId="23" xfId="0" applyFont="1" applyFill="1" applyBorder="1" applyAlignment="1">
      <alignment horizontal="left" vertical="center"/>
    </xf>
    <xf numFmtId="0" fontId="6" fillId="0" borderId="17" xfId="0" applyFont="1" applyFill="1" applyBorder="1" applyAlignment="1">
      <alignment horizontal="left" vertical="center"/>
    </xf>
    <xf numFmtId="0" fontId="6" fillId="0" borderId="21" xfId="0" applyFont="1" applyFill="1" applyBorder="1" applyAlignment="1">
      <alignment horizontal="left" vertical="center"/>
    </xf>
    <xf numFmtId="0" fontId="6" fillId="0" borderId="17" xfId="0" applyFont="1" applyFill="1" applyBorder="1" applyAlignment="1">
      <alignment horizontal="right" vertical="center"/>
    </xf>
    <xf numFmtId="0" fontId="6" fillId="0" borderId="19" xfId="0" applyFont="1" applyFill="1" applyBorder="1" applyAlignment="1">
      <alignment horizontal="right" vertical="center"/>
    </xf>
    <xf numFmtId="0" fontId="6" fillId="4" borderId="19" xfId="0" applyFont="1" applyFill="1" applyBorder="1" applyAlignment="1">
      <alignment horizontal="center" vertical="center"/>
    </xf>
    <xf numFmtId="0" fontId="6" fillId="0" borderId="1" xfId="0" applyFont="1" applyFill="1" applyBorder="1" applyAlignment="1">
      <alignment horizontal="left" vertical="center"/>
    </xf>
    <xf numFmtId="0" fontId="6" fillId="0" borderId="2" xfId="0" applyFont="1" applyFill="1" applyBorder="1" applyAlignment="1">
      <alignment horizontal="left" vertical="center"/>
    </xf>
    <xf numFmtId="0" fontId="6" fillId="0" borderId="3" xfId="0" applyFont="1" applyFill="1" applyBorder="1" applyAlignment="1">
      <alignment horizontal="left" vertical="center"/>
    </xf>
    <xf numFmtId="0" fontId="6" fillId="4" borderId="25" xfId="0" applyFont="1" applyFill="1" applyBorder="1" applyAlignment="1">
      <alignment horizontal="center" vertical="center"/>
    </xf>
    <xf numFmtId="0" fontId="6" fillId="4" borderId="41" xfId="0" applyFont="1" applyFill="1" applyBorder="1" applyAlignment="1">
      <alignment horizontal="center" vertical="center"/>
    </xf>
    <xf numFmtId="0" fontId="6" fillId="0" borderId="26" xfId="0" applyFont="1" applyFill="1" applyBorder="1" applyAlignment="1">
      <alignment horizontal="center" vertical="center"/>
    </xf>
    <xf numFmtId="0" fontId="0" fillId="0" borderId="27" xfId="0" applyFill="1" applyBorder="1" applyAlignment="1">
      <alignment horizontal="center" vertical="center"/>
    </xf>
    <xf numFmtId="0" fontId="0" fillId="0" borderId="28" xfId="0" applyFill="1" applyBorder="1" applyAlignment="1">
      <alignment horizontal="center" vertical="center"/>
    </xf>
    <xf numFmtId="0" fontId="6" fillId="0" borderId="35" xfId="0" applyFont="1" applyFill="1" applyBorder="1" applyAlignment="1">
      <alignment horizontal="center" vertical="center"/>
    </xf>
    <xf numFmtId="0" fontId="0" fillId="0" borderId="36" xfId="0" applyFill="1" applyBorder="1" applyAlignment="1">
      <alignment horizontal="center" vertical="center"/>
    </xf>
    <xf numFmtId="0" fontId="0" fillId="0" borderId="34" xfId="0" applyFill="1" applyBorder="1" applyAlignment="1">
      <alignment horizontal="center" vertical="center"/>
    </xf>
    <xf numFmtId="0" fontId="0" fillId="0" borderId="46" xfId="0" applyFill="1" applyBorder="1" applyAlignment="1">
      <alignment horizontal="center" vertical="center"/>
    </xf>
    <xf numFmtId="0" fontId="0" fillId="0" borderId="13" xfId="0" applyFill="1" applyBorder="1" applyAlignment="1">
      <alignment horizontal="center" vertical="center"/>
    </xf>
    <xf numFmtId="0" fontId="0" fillId="0" borderId="59" xfId="0" applyFill="1" applyBorder="1" applyAlignment="1">
      <alignment horizontal="center" vertical="center"/>
    </xf>
    <xf numFmtId="0" fontId="6" fillId="0" borderId="43" xfId="0" applyFont="1" applyFill="1" applyBorder="1" applyAlignment="1">
      <alignment vertical="center"/>
    </xf>
    <xf numFmtId="0" fontId="6" fillId="0" borderId="62" xfId="0" applyFont="1" applyFill="1" applyBorder="1" applyAlignment="1">
      <alignment vertical="center"/>
    </xf>
    <xf numFmtId="0" fontId="6" fillId="0" borderId="46" xfId="0" applyFont="1" applyFill="1" applyBorder="1" applyAlignment="1">
      <alignment vertical="center"/>
    </xf>
    <xf numFmtId="0" fontId="6" fillId="0" borderId="13" xfId="0" applyFont="1" applyFill="1" applyBorder="1" applyAlignment="1">
      <alignment vertical="center"/>
    </xf>
    <xf numFmtId="0" fontId="6" fillId="0" borderId="63" xfId="0" applyFont="1" applyFill="1" applyBorder="1" applyAlignment="1">
      <alignment vertical="center"/>
    </xf>
    <xf numFmtId="0" fontId="6" fillId="0" borderId="96" xfId="0" applyFont="1" applyFill="1" applyBorder="1" applyAlignment="1">
      <alignment vertical="center"/>
    </xf>
    <xf numFmtId="0" fontId="6" fillId="0" borderId="98" xfId="0" applyFont="1" applyFill="1" applyBorder="1" applyAlignment="1">
      <alignment vertical="center"/>
    </xf>
    <xf numFmtId="0" fontId="6" fillId="0" borderId="47" xfId="0" applyFont="1" applyFill="1" applyBorder="1" applyAlignment="1">
      <alignment vertical="center"/>
    </xf>
    <xf numFmtId="0" fontId="6" fillId="0" borderId="43" xfId="0" applyFont="1" applyFill="1" applyBorder="1" applyAlignment="1">
      <alignment horizontal="center"/>
    </xf>
    <xf numFmtId="0" fontId="6" fillId="0" borderId="44" xfId="0" applyFont="1" applyFill="1" applyBorder="1" applyAlignment="1">
      <alignment horizontal="center"/>
    </xf>
    <xf numFmtId="0" fontId="6" fillId="0" borderId="42" xfId="0" applyFont="1" applyFill="1" applyBorder="1" applyAlignment="1">
      <alignment horizontal="center"/>
    </xf>
    <xf numFmtId="0" fontId="6" fillId="0" borderId="0" xfId="0" applyFont="1" applyFill="1" applyAlignment="1">
      <alignment vertical="center"/>
    </xf>
    <xf numFmtId="0" fontId="0" fillId="0" borderId="0" xfId="0" applyFont="1" applyFill="1" applyAlignment="1"/>
    <xf numFmtId="0" fontId="6" fillId="0" borderId="25" xfId="0" applyFont="1" applyFill="1" applyBorder="1" applyAlignment="1">
      <alignment horizontal="center"/>
    </xf>
    <xf numFmtId="0" fontId="6" fillId="0" borderId="31" xfId="0" applyFont="1" applyFill="1" applyBorder="1" applyAlignment="1">
      <alignment horizontal="center"/>
    </xf>
    <xf numFmtId="0" fontId="6" fillId="0" borderId="16" xfId="0" applyFont="1" applyFill="1" applyBorder="1" applyAlignment="1">
      <alignment horizontal="center" vertical="center"/>
    </xf>
    <xf numFmtId="0" fontId="0" fillId="0" borderId="17" xfId="0" applyFont="1" applyFill="1" applyBorder="1" applyAlignment="1">
      <alignment horizontal="center" vertical="center"/>
    </xf>
    <xf numFmtId="0" fontId="6" fillId="0" borderId="26" xfId="0" applyFont="1" applyFill="1" applyBorder="1" applyAlignment="1">
      <alignment horizontal="left" vertical="center" wrapText="1"/>
    </xf>
    <xf numFmtId="0" fontId="6" fillId="0" borderId="20" xfId="0" applyFont="1" applyFill="1" applyBorder="1" applyAlignment="1">
      <alignment horizontal="left" vertical="center" wrapText="1"/>
    </xf>
    <xf numFmtId="0" fontId="0" fillId="0" borderId="0" xfId="0" applyFont="1" applyFill="1" applyAlignment="1">
      <alignment vertical="center"/>
    </xf>
    <xf numFmtId="0" fontId="6" fillId="0" borderId="6" xfId="0" applyFont="1" applyFill="1" applyBorder="1" applyAlignment="1">
      <alignment vertical="center"/>
    </xf>
    <xf numFmtId="0" fontId="6" fillId="0" borderId="7" xfId="0" applyFont="1" applyFill="1" applyBorder="1" applyAlignment="1">
      <alignment vertical="center"/>
    </xf>
    <xf numFmtId="0" fontId="6" fillId="0" borderId="0" xfId="0" applyFont="1" applyFill="1" applyAlignment="1">
      <alignment horizontal="left" vertical="center"/>
    </xf>
    <xf numFmtId="0" fontId="0" fillId="0" borderId="0" xfId="0" applyFont="1" applyFill="1" applyAlignment="1">
      <alignment horizontal="left" vertical="center"/>
    </xf>
    <xf numFmtId="0" fontId="6" fillId="0" borderId="1" xfId="0" applyFont="1" applyFill="1" applyBorder="1" applyAlignment="1">
      <alignment vertical="center"/>
    </xf>
    <xf numFmtId="0" fontId="6" fillId="0" borderId="4" xfId="0" applyFont="1" applyFill="1" applyBorder="1" applyAlignment="1">
      <alignment horizontal="right" vertical="center"/>
    </xf>
    <xf numFmtId="0" fontId="6" fillId="0" borderId="5" xfId="0" applyFont="1" applyFill="1" applyBorder="1" applyAlignment="1">
      <alignment horizontal="right" vertical="center"/>
    </xf>
    <xf numFmtId="0" fontId="6" fillId="0" borderId="16" xfId="0" applyFont="1" applyFill="1" applyBorder="1" applyAlignment="1">
      <alignment horizontal="right" vertical="center"/>
    </xf>
    <xf numFmtId="0" fontId="2" fillId="0" borderId="19" xfId="1" applyFont="1" applyFill="1" applyBorder="1" applyAlignment="1">
      <alignment horizontal="center" vertical="center"/>
    </xf>
    <xf numFmtId="0" fontId="6" fillId="0" borderId="45" xfId="0" applyFont="1" applyFill="1" applyBorder="1" applyAlignment="1">
      <alignment vertical="center" wrapText="1"/>
    </xf>
    <xf numFmtId="0" fontId="6" fillId="0" borderId="13" xfId="0" applyFont="1" applyFill="1" applyBorder="1" applyAlignment="1">
      <alignment vertical="center" wrapText="1"/>
    </xf>
    <xf numFmtId="0" fontId="6" fillId="0" borderId="47" xfId="0" applyFont="1" applyFill="1" applyBorder="1" applyAlignment="1">
      <alignment vertical="center" wrapText="1"/>
    </xf>
    <xf numFmtId="0" fontId="0" fillId="0" borderId="17" xfId="0" applyFill="1" applyBorder="1" applyAlignment="1">
      <alignment vertical="center" wrapText="1"/>
    </xf>
    <xf numFmtId="0" fontId="0" fillId="0" borderId="21" xfId="0" applyFill="1" applyBorder="1" applyAlignment="1">
      <alignment vertical="center" wrapText="1"/>
    </xf>
    <xf numFmtId="0" fontId="0" fillId="0" borderId="17" xfId="0" applyFill="1" applyBorder="1" applyAlignment="1">
      <alignment horizontal="center" vertical="center"/>
    </xf>
    <xf numFmtId="0" fontId="0" fillId="0" borderId="19" xfId="0" applyFill="1" applyBorder="1" applyAlignment="1">
      <alignment horizontal="center" vertical="center"/>
    </xf>
    <xf numFmtId="0" fontId="6" fillId="0" borderId="15" xfId="0" applyFont="1" applyFill="1" applyBorder="1" applyAlignment="1">
      <alignment vertical="top" wrapText="1"/>
    </xf>
    <xf numFmtId="0" fontId="0" fillId="0" borderId="0" xfId="0" applyFill="1" applyAlignment="1">
      <alignment vertical="top" wrapText="1"/>
    </xf>
    <xf numFmtId="0" fontId="0" fillId="0" borderId="44" xfId="0" applyFill="1" applyBorder="1" applyAlignment="1">
      <alignment vertical="top" wrapText="1"/>
    </xf>
    <xf numFmtId="0" fontId="0" fillId="0" borderId="45" xfId="0" applyFill="1" applyBorder="1" applyAlignment="1">
      <alignment vertical="top" wrapText="1"/>
    </xf>
    <xf numFmtId="0" fontId="0" fillId="0" borderId="13" xfId="0" applyFill="1" applyBorder="1" applyAlignment="1">
      <alignment vertical="top" wrapText="1"/>
    </xf>
    <xf numFmtId="0" fontId="0" fillId="0" borderId="47" xfId="0" applyFill="1" applyBorder="1" applyAlignment="1">
      <alignment vertical="top" wrapText="1"/>
    </xf>
    <xf numFmtId="0" fontId="6" fillId="0" borderId="3" xfId="0" applyFont="1" applyFill="1" applyBorder="1" applyAlignment="1">
      <alignment vertical="center"/>
    </xf>
    <xf numFmtId="0" fontId="2" fillId="0" borderId="5" xfId="1" applyFont="1" applyFill="1" applyBorder="1" applyAlignment="1">
      <alignment horizontal="center" vertical="center"/>
    </xf>
    <xf numFmtId="0" fontId="0" fillId="0" borderId="44" xfId="0" applyFill="1" applyBorder="1" applyAlignment="1">
      <alignment vertical="center"/>
    </xf>
    <xf numFmtId="0" fontId="13" fillId="0" borderId="43" xfId="0" applyFont="1" applyFill="1" applyBorder="1" applyAlignment="1">
      <alignment vertical="center"/>
    </xf>
    <xf numFmtId="0" fontId="6" fillId="0" borderId="33" xfId="0" applyFont="1" applyFill="1" applyBorder="1" applyAlignment="1">
      <alignment horizontal="center" vertical="center"/>
    </xf>
    <xf numFmtId="0" fontId="6" fillId="0" borderId="34" xfId="0" applyFont="1" applyFill="1" applyBorder="1" applyAlignment="1">
      <alignment horizontal="center" vertical="center"/>
    </xf>
    <xf numFmtId="0" fontId="6" fillId="0" borderId="56" xfId="0" applyFont="1" applyFill="1" applyBorder="1" applyAlignment="1">
      <alignment vertical="center" wrapText="1"/>
    </xf>
    <xf numFmtId="0" fontId="0" fillId="0" borderId="57" xfId="0" applyFill="1" applyBorder="1" applyAlignment="1">
      <alignment vertical="center" wrapText="1"/>
    </xf>
    <xf numFmtId="0" fontId="6" fillId="0" borderId="56" xfId="0" applyFont="1" applyFill="1" applyBorder="1" applyAlignment="1">
      <alignment horizontal="center" vertical="center"/>
    </xf>
    <xf numFmtId="0" fontId="6" fillId="0" borderId="57" xfId="0" applyFont="1" applyFill="1" applyBorder="1" applyAlignment="1">
      <alignment horizontal="center" vertical="center"/>
    </xf>
    <xf numFmtId="0" fontId="6" fillId="0" borderId="107" xfId="0" applyFont="1" applyFill="1" applyBorder="1" applyAlignment="1">
      <alignment vertical="center"/>
    </xf>
    <xf numFmtId="0" fontId="0" fillId="0" borderId="109" xfId="0" applyFill="1" applyBorder="1" applyAlignment="1">
      <alignment vertical="center"/>
    </xf>
    <xf numFmtId="0" fontId="8" fillId="0" borderId="15" xfId="6" applyFont="1" applyFill="1" applyBorder="1" applyAlignment="1">
      <alignment vertical="top" wrapText="1"/>
    </xf>
    <xf numFmtId="0" fontId="0" fillId="0" borderId="0" xfId="0" applyFill="1" applyBorder="1" applyAlignment="1"/>
    <xf numFmtId="0" fontId="0" fillId="0" borderId="55" xfId="0" applyFill="1" applyBorder="1" applyAlignment="1"/>
    <xf numFmtId="0" fontId="2" fillId="0" borderId="16" xfId="6" applyFont="1" applyFill="1" applyBorder="1" applyAlignment="1">
      <alignment horizontal="center" vertical="center"/>
    </xf>
    <xf numFmtId="0" fontId="2" fillId="0" borderId="19" xfId="6" applyFont="1" applyFill="1" applyBorder="1" applyAlignment="1">
      <alignment horizontal="center" vertical="center"/>
    </xf>
    <xf numFmtId="0" fontId="8" fillId="0" borderId="45" xfId="6" applyFont="1" applyFill="1" applyBorder="1" applyAlignment="1">
      <alignment vertical="top" wrapText="1"/>
    </xf>
    <xf numFmtId="0" fontId="0" fillId="0" borderId="13" xfId="0" applyFill="1" applyBorder="1" applyAlignment="1"/>
    <xf numFmtId="0" fontId="7" fillId="0" borderId="30" xfId="6" applyFont="1" applyFill="1" applyBorder="1" applyAlignment="1">
      <alignment vertical="center" shrinkToFit="1"/>
    </xf>
    <xf numFmtId="0" fontId="10" fillId="0" borderId="25" xfId="0" applyFont="1" applyFill="1" applyBorder="1" applyAlignment="1"/>
    <xf numFmtId="0" fontId="2" fillId="0" borderId="31" xfId="6" applyFont="1" applyFill="1" applyBorder="1" applyAlignment="1">
      <alignment horizontal="center" vertical="center"/>
    </xf>
    <xf numFmtId="0" fontId="2" fillId="0" borderId="32" xfId="6" applyFont="1" applyFill="1" applyBorder="1" applyAlignment="1">
      <alignment horizontal="center" vertical="center"/>
    </xf>
    <xf numFmtId="0" fontId="2" fillId="0" borderId="1" xfId="6" applyFont="1" applyFill="1" applyBorder="1" applyAlignment="1">
      <alignment horizontal="center" vertical="center"/>
    </xf>
    <xf numFmtId="0" fontId="0" fillId="0" borderId="2" xfId="0" applyFill="1" applyBorder="1" applyAlignment="1">
      <alignment horizontal="center" vertical="center"/>
    </xf>
    <xf numFmtId="0" fontId="0" fillId="0" borderId="5" xfId="0" applyFill="1" applyBorder="1" applyAlignment="1">
      <alignment horizontal="center" vertical="center"/>
    </xf>
    <xf numFmtId="0" fontId="7" fillId="0" borderId="15" xfId="6" applyFont="1" applyFill="1" applyBorder="1" applyAlignment="1">
      <alignment horizontal="center" vertical="center"/>
    </xf>
    <xf numFmtId="0" fontId="10" fillId="0" borderId="0" xfId="0" applyFont="1" applyFill="1" applyBorder="1" applyAlignment="1"/>
    <xf numFmtId="0" fontId="6" fillId="0" borderId="16" xfId="0" applyFont="1" applyFill="1" applyBorder="1" applyAlignment="1">
      <alignment vertical="center" wrapText="1"/>
    </xf>
    <xf numFmtId="0" fontId="6" fillId="0" borderId="17" xfId="0" applyFont="1" applyFill="1" applyBorder="1" applyAlignment="1">
      <alignment vertical="center" wrapText="1"/>
    </xf>
    <xf numFmtId="0" fontId="6" fillId="0" borderId="11" xfId="0" applyFont="1" applyFill="1" applyBorder="1" applyAlignment="1">
      <alignment vertical="center" wrapText="1"/>
    </xf>
    <xf numFmtId="0" fontId="6" fillId="0" borderId="7" xfId="0" applyFont="1" applyFill="1" applyBorder="1" applyAlignment="1">
      <alignment vertical="center" wrapText="1"/>
    </xf>
    <xf numFmtId="0" fontId="6" fillId="0" borderId="8" xfId="0" applyFont="1" applyFill="1" applyBorder="1" applyAlignment="1">
      <alignment vertical="center" wrapText="1"/>
    </xf>
    <xf numFmtId="0" fontId="0" fillId="0" borderId="7" xfId="0" applyFill="1" applyBorder="1" applyAlignment="1">
      <alignment vertical="center" wrapText="1"/>
    </xf>
    <xf numFmtId="0" fontId="0" fillId="0" borderId="12" xfId="0" applyFill="1" applyBorder="1" applyAlignment="1">
      <alignment vertical="center" wrapText="1"/>
    </xf>
    <xf numFmtId="0" fontId="6" fillId="0" borderId="107" xfId="0" applyFont="1" applyFill="1" applyBorder="1" applyAlignment="1">
      <alignment horizontal="center" vertical="center"/>
    </xf>
    <xf numFmtId="0" fontId="6" fillId="0" borderId="108" xfId="0" applyFont="1" applyFill="1" applyBorder="1" applyAlignment="1">
      <alignment horizontal="center" vertical="center"/>
    </xf>
    <xf numFmtId="0" fontId="6" fillId="0" borderId="109" xfId="0" applyFont="1" applyFill="1" applyBorder="1" applyAlignment="1">
      <alignment horizontal="center" vertical="center"/>
    </xf>
    <xf numFmtId="0" fontId="6" fillId="0" borderId="14" xfId="0" applyFont="1" applyFill="1" applyBorder="1" applyAlignment="1">
      <alignment horizontal="center" vertical="center"/>
    </xf>
    <xf numFmtId="0" fontId="6" fillId="0" borderId="74" xfId="0" applyFont="1" applyFill="1" applyBorder="1" applyAlignment="1">
      <alignment horizontal="center" vertical="center"/>
    </xf>
    <xf numFmtId="0" fontId="0" fillId="0" borderId="35" xfId="0" applyFill="1" applyBorder="1" applyAlignment="1">
      <alignment horizontal="center" vertical="center" wrapText="1"/>
    </xf>
    <xf numFmtId="0" fontId="0" fillId="0" borderId="37" xfId="0" applyFill="1" applyBorder="1" applyAlignment="1">
      <alignment horizontal="center" vertical="center" wrapText="1"/>
    </xf>
    <xf numFmtId="0" fontId="0" fillId="0" borderId="46" xfId="0" applyFill="1" applyBorder="1" applyAlignment="1">
      <alignment horizontal="center" vertical="center" wrapText="1"/>
    </xf>
    <xf numFmtId="0" fontId="0" fillId="0" borderId="47" xfId="0" applyFill="1" applyBorder="1" applyAlignment="1">
      <alignment horizontal="center" vertical="center" wrapText="1"/>
    </xf>
    <xf numFmtId="0" fontId="6" fillId="0" borderId="107" xfId="8" applyNumberFormat="1" applyFont="1" applyFill="1" applyBorder="1" applyAlignment="1">
      <alignment vertical="center"/>
    </xf>
    <xf numFmtId="0" fontId="5" fillId="0" borderId="108" xfId="0" applyFont="1" applyFill="1" applyBorder="1" applyAlignment="1">
      <alignment vertical="center"/>
    </xf>
    <xf numFmtId="0" fontId="5" fillId="0" borderId="109" xfId="0" applyFont="1" applyFill="1" applyBorder="1" applyAlignment="1">
      <alignment vertical="center"/>
    </xf>
    <xf numFmtId="0" fontId="6" fillId="0" borderId="111" xfId="8" applyNumberFormat="1" applyFont="1" applyFill="1" applyBorder="1" applyAlignment="1">
      <alignment horizontal="center"/>
    </xf>
    <xf numFmtId="0" fontId="5" fillId="0" borderId="112" xfId="0" applyFont="1" applyFill="1" applyBorder="1" applyAlignment="1">
      <alignment horizontal="center"/>
    </xf>
    <xf numFmtId="0" fontId="6" fillId="0" borderId="23" xfId="8" applyNumberFormat="1" applyFont="1" applyFill="1" applyBorder="1" applyAlignment="1">
      <alignment horizontal="center" vertical="center"/>
    </xf>
    <xf numFmtId="0" fontId="5" fillId="0" borderId="17" xfId="0" applyFont="1" applyFill="1" applyBorder="1" applyAlignment="1">
      <alignment horizontal="center" vertical="center"/>
    </xf>
    <xf numFmtId="0" fontId="5" fillId="0" borderId="21" xfId="0" applyFont="1" applyFill="1" applyBorder="1" applyAlignment="1">
      <alignment horizontal="center" vertical="center"/>
    </xf>
    <xf numFmtId="0" fontId="6" fillId="0" borderId="4" xfId="8" applyNumberFormat="1" applyFont="1" applyFill="1" applyBorder="1" applyAlignment="1">
      <alignment horizontal="center" vertical="center"/>
    </xf>
    <xf numFmtId="0" fontId="5" fillId="0" borderId="3" xfId="0" applyFont="1" applyFill="1" applyBorder="1" applyAlignment="1">
      <alignment horizontal="center"/>
    </xf>
    <xf numFmtId="0" fontId="6" fillId="0" borderId="16" xfId="8" applyNumberFormat="1" applyFont="1" applyFill="1" applyBorder="1" applyAlignment="1">
      <alignment horizontal="center" vertical="center"/>
    </xf>
    <xf numFmtId="0" fontId="5" fillId="0" borderId="21" xfId="0" applyFont="1" applyFill="1" applyBorder="1" applyAlignment="1">
      <alignment horizontal="center"/>
    </xf>
    <xf numFmtId="0" fontId="6" fillId="0" borderId="6" xfId="8" applyNumberFormat="1" applyFont="1" applyFill="1" applyBorder="1" applyAlignment="1">
      <alignment horizontal="center" vertical="center"/>
    </xf>
    <xf numFmtId="0" fontId="5" fillId="0" borderId="7" xfId="0" applyFont="1" applyFill="1" applyBorder="1" applyAlignment="1">
      <alignment horizontal="center" vertical="center"/>
    </xf>
    <xf numFmtId="0" fontId="5" fillId="0" borderId="8" xfId="0" applyFont="1" applyFill="1" applyBorder="1" applyAlignment="1">
      <alignment horizontal="center" vertical="center"/>
    </xf>
    <xf numFmtId="0" fontId="6" fillId="0" borderId="11" xfId="8" applyNumberFormat="1" applyFont="1" applyFill="1" applyBorder="1" applyAlignment="1">
      <alignment horizontal="center" vertical="center"/>
    </xf>
    <xf numFmtId="0" fontId="5" fillId="0" borderId="8" xfId="0" applyFont="1" applyFill="1" applyBorder="1" applyAlignment="1">
      <alignment horizontal="center"/>
    </xf>
    <xf numFmtId="0" fontId="6" fillId="0" borderId="30" xfId="8" applyNumberFormat="1" applyFont="1" applyFill="1" applyBorder="1" applyAlignment="1">
      <alignment horizontal="center" vertical="center"/>
    </xf>
    <xf numFmtId="0" fontId="5" fillId="0" borderId="25" xfId="0" applyFont="1" applyFill="1" applyBorder="1" applyAlignment="1">
      <alignment horizontal="center" vertical="center"/>
    </xf>
    <xf numFmtId="0" fontId="5" fillId="0" borderId="72" xfId="0" applyFont="1" applyFill="1" applyBorder="1" applyAlignment="1">
      <alignment horizontal="center" vertical="center"/>
    </xf>
    <xf numFmtId="0" fontId="5" fillId="0" borderId="38" xfId="0" applyFont="1" applyFill="1" applyBorder="1" applyAlignment="1">
      <alignment horizontal="center" vertical="center"/>
    </xf>
    <xf numFmtId="0" fontId="5" fillId="0" borderId="41" xfId="0" applyFont="1" applyFill="1" applyBorder="1" applyAlignment="1">
      <alignment horizontal="center" vertical="center"/>
    </xf>
    <xf numFmtId="0" fontId="5" fillId="0" borderId="39" xfId="0" applyFont="1" applyFill="1" applyBorder="1" applyAlignment="1">
      <alignment horizontal="center" vertical="center"/>
    </xf>
    <xf numFmtId="0" fontId="6" fillId="0" borderId="73" xfId="8" applyNumberFormat="1" applyFont="1" applyFill="1" applyBorder="1" applyAlignment="1">
      <alignment horizontal="center" vertical="center" shrinkToFit="1"/>
    </xf>
    <xf numFmtId="0" fontId="5" fillId="0" borderId="57" xfId="0" applyFont="1" applyFill="1" applyBorder="1" applyAlignment="1">
      <alignment horizontal="center" vertical="center" shrinkToFit="1"/>
    </xf>
    <xf numFmtId="0" fontId="10" fillId="0" borderId="73" xfId="8" applyNumberFormat="1" applyFont="1" applyFill="1" applyBorder="1" applyAlignment="1">
      <alignment horizontal="center" vertical="center" shrinkToFit="1"/>
    </xf>
    <xf numFmtId="0" fontId="6" fillId="0" borderId="31" xfId="8" applyNumberFormat="1" applyFont="1" applyFill="1" applyBorder="1" applyAlignment="1">
      <alignment horizontal="center" vertical="center" shrinkToFit="1"/>
    </xf>
    <xf numFmtId="0" fontId="5" fillId="0" borderId="40" xfId="0" applyFont="1" applyFill="1" applyBorder="1" applyAlignment="1">
      <alignment horizontal="center" vertical="center" shrinkToFit="1"/>
    </xf>
    <xf numFmtId="0" fontId="6" fillId="0" borderId="22" xfId="8" applyNumberFormat="1" applyFont="1" applyFill="1" applyBorder="1" applyAlignment="1">
      <alignment horizontal="center" vertical="center"/>
    </xf>
    <xf numFmtId="0" fontId="5" fillId="0" borderId="90" xfId="0" applyFont="1" applyFill="1" applyBorder="1" applyAlignment="1">
      <alignment horizontal="center" vertical="center"/>
    </xf>
    <xf numFmtId="0" fontId="6" fillId="0" borderId="38" xfId="8" applyNumberFormat="1" applyFont="1" applyFill="1" applyBorder="1" applyAlignment="1">
      <alignment horizontal="center" vertical="center"/>
    </xf>
    <xf numFmtId="0" fontId="6" fillId="0" borderId="30" xfId="8" applyNumberFormat="1" applyFont="1" applyFill="1" applyBorder="1" applyAlignment="1">
      <alignment horizontal="right"/>
    </xf>
    <xf numFmtId="0" fontId="5" fillId="0" borderId="25" xfId="0" applyFont="1" applyFill="1" applyBorder="1" applyAlignment="1">
      <alignment horizontal="right"/>
    </xf>
    <xf numFmtId="0" fontId="5" fillId="0" borderId="72" xfId="0" applyFont="1" applyFill="1" applyBorder="1" applyAlignment="1">
      <alignment horizontal="right"/>
    </xf>
    <xf numFmtId="0" fontId="6" fillId="0" borderId="31" xfId="8" applyNumberFormat="1" applyFont="1" applyFill="1" applyBorder="1" applyAlignment="1">
      <alignment horizontal="center" vertical="center"/>
    </xf>
    <xf numFmtId="0" fontId="5" fillId="0" borderId="40"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42" xfId="0" applyFont="1" applyFill="1" applyBorder="1" applyAlignment="1">
      <alignment horizontal="center" vertical="center"/>
    </xf>
    <xf numFmtId="0" fontId="6" fillId="0" borderId="38" xfId="8" applyNumberFormat="1" applyFont="1" applyFill="1" applyBorder="1" applyAlignment="1">
      <alignment vertical="center"/>
    </xf>
    <xf numFmtId="0" fontId="5" fillId="0" borderId="41" xfId="0" applyFont="1" applyFill="1" applyBorder="1" applyAlignment="1"/>
    <xf numFmtId="0" fontId="5" fillId="0" borderId="39" xfId="0" applyFont="1" applyFill="1" applyBorder="1" applyAlignment="1"/>
    <xf numFmtId="0" fontId="6" fillId="0" borderId="23" xfId="8" applyNumberFormat="1" applyFont="1" applyFill="1" applyBorder="1" applyAlignment="1">
      <alignment horizontal="center"/>
    </xf>
    <xf numFmtId="0" fontId="5" fillId="0" borderId="17" xfId="0" applyFont="1" applyFill="1" applyBorder="1" applyAlignment="1">
      <alignment horizontal="center"/>
    </xf>
    <xf numFmtId="0" fontId="5" fillId="0" borderId="39" xfId="0" applyFont="1" applyFill="1" applyBorder="1" applyAlignment="1">
      <alignment horizontal="center"/>
    </xf>
    <xf numFmtId="0" fontId="6" fillId="0" borderId="21" xfId="8" applyNumberFormat="1" applyFont="1" applyFill="1" applyBorder="1" applyAlignment="1">
      <alignment horizontal="center" vertical="center"/>
    </xf>
    <xf numFmtId="0" fontId="6" fillId="0" borderId="32" xfId="8" applyNumberFormat="1" applyFont="1" applyFill="1" applyBorder="1" applyAlignment="1">
      <alignment horizontal="center" vertical="center"/>
    </xf>
    <xf numFmtId="0" fontId="6" fillId="0" borderId="40" xfId="8" applyNumberFormat="1" applyFont="1" applyFill="1" applyBorder="1" applyAlignment="1">
      <alignment horizontal="center" vertical="center"/>
    </xf>
    <xf numFmtId="0" fontId="6" fillId="0" borderId="42" xfId="8" applyNumberFormat="1" applyFont="1" applyFill="1" applyBorder="1" applyAlignment="1">
      <alignment horizontal="center" vertical="center"/>
    </xf>
    <xf numFmtId="0" fontId="5" fillId="0" borderId="41" xfId="0" applyFont="1" applyFill="1" applyBorder="1" applyAlignment="1">
      <alignment vertical="center"/>
    </xf>
    <xf numFmtId="0" fontId="5" fillId="0" borderId="39" xfId="0" applyFont="1" applyFill="1" applyBorder="1" applyAlignment="1">
      <alignment vertical="center"/>
    </xf>
    <xf numFmtId="0" fontId="5" fillId="0" borderId="16" xfId="0" applyFont="1" applyFill="1" applyBorder="1" applyAlignment="1">
      <alignment horizontal="center" vertical="center"/>
    </xf>
    <xf numFmtId="0" fontId="6" fillId="0" borderId="15" xfId="8" applyNumberFormat="1" applyFont="1" applyFill="1" applyBorder="1" applyAlignment="1">
      <alignment horizontal="center" vertical="center"/>
    </xf>
    <xf numFmtId="0" fontId="5" fillId="0" borderId="0" xfId="0" applyFont="1" applyFill="1" applyBorder="1" applyAlignment="1">
      <alignment horizontal="center" vertical="center"/>
    </xf>
    <xf numFmtId="0" fontId="5" fillId="0" borderId="55" xfId="0" applyFont="1" applyFill="1" applyBorder="1" applyAlignment="1">
      <alignment horizontal="center" vertical="center"/>
    </xf>
    <xf numFmtId="0" fontId="6" fillId="0" borderId="30" xfId="8" applyNumberFormat="1" applyFont="1" applyFill="1" applyBorder="1" applyAlignment="1">
      <alignment horizontal="right" vertical="center"/>
    </xf>
    <xf numFmtId="0" fontId="5" fillId="0" borderId="25" xfId="0" applyFont="1" applyFill="1" applyBorder="1" applyAlignment="1">
      <alignment horizontal="right" vertical="center"/>
    </xf>
    <xf numFmtId="0" fontId="5" fillId="0" borderId="72" xfId="0" applyFont="1" applyFill="1" applyBorder="1" applyAlignment="1">
      <alignment horizontal="right" vertical="center"/>
    </xf>
    <xf numFmtId="0" fontId="6" fillId="0" borderId="2" xfId="8" applyNumberFormat="1" applyFont="1" applyFill="1" applyBorder="1" applyAlignment="1">
      <alignment horizontal="center" vertical="center"/>
    </xf>
    <xf numFmtId="0" fontId="6" fillId="0" borderId="3" xfId="8" applyNumberFormat="1" applyFont="1" applyFill="1" applyBorder="1" applyAlignment="1">
      <alignment horizontal="center" vertical="center"/>
    </xf>
    <xf numFmtId="0" fontId="6" fillId="0" borderId="25" xfId="8" applyNumberFormat="1" applyFont="1" applyFill="1" applyBorder="1" applyAlignment="1">
      <alignment horizontal="center" vertical="center"/>
    </xf>
    <xf numFmtId="0" fontId="6" fillId="0" borderId="41" xfId="8" applyNumberFormat="1" applyFont="1" applyFill="1" applyBorder="1" applyAlignment="1">
      <alignment horizontal="center" vertical="center"/>
    </xf>
    <xf numFmtId="0" fontId="6" fillId="0" borderId="35" xfId="8" applyNumberFormat="1" applyFont="1" applyFill="1" applyBorder="1" applyAlignment="1"/>
    <xf numFmtId="0" fontId="5" fillId="0" borderId="36" xfId="0" applyFont="1" applyFill="1" applyBorder="1" applyAlignment="1"/>
    <xf numFmtId="0" fontId="5" fillId="0" borderId="40" xfId="0" applyFont="1" applyFill="1" applyBorder="1" applyAlignment="1"/>
    <xf numFmtId="0" fontId="6" fillId="0" borderId="33" xfId="8" applyNumberFormat="1" applyFont="1" applyFill="1" applyBorder="1" applyAlignment="1">
      <alignment horizontal="center" vertical="center"/>
    </xf>
    <xf numFmtId="0" fontId="5" fillId="0" borderId="36" xfId="0" applyFont="1" applyFill="1" applyBorder="1" applyAlignment="1">
      <alignment horizontal="center" vertical="center"/>
    </xf>
    <xf numFmtId="0" fontId="5" fillId="0" borderId="34" xfId="0" applyFont="1" applyFill="1" applyBorder="1" applyAlignment="1">
      <alignment horizontal="center" vertical="center"/>
    </xf>
    <xf numFmtId="0" fontId="5" fillId="0" borderId="45" xfId="0" applyFont="1" applyFill="1" applyBorder="1" applyAlignment="1">
      <alignment horizontal="center" vertical="center"/>
    </xf>
    <xf numFmtId="0" fontId="5" fillId="0" borderId="13" xfId="0" applyFont="1" applyFill="1" applyBorder="1" applyAlignment="1">
      <alignment horizontal="center" vertical="center"/>
    </xf>
    <xf numFmtId="0" fontId="5" fillId="0" borderId="59" xfId="0" applyFont="1" applyFill="1" applyBorder="1" applyAlignment="1">
      <alignment horizontal="center" vertical="center"/>
    </xf>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6" fillId="0" borderId="72" xfId="8" applyNumberFormat="1" applyFont="1" applyFill="1" applyBorder="1" applyAlignment="1">
      <alignment horizontal="center" vertical="center"/>
    </xf>
    <xf numFmtId="0" fontId="6" fillId="0" borderId="39" xfId="8" applyNumberFormat="1" applyFont="1" applyFill="1" applyBorder="1" applyAlignment="1">
      <alignment horizontal="center" vertical="center"/>
    </xf>
    <xf numFmtId="0" fontId="5" fillId="0" borderId="73" xfId="0" applyFont="1" applyFill="1" applyBorder="1" applyAlignment="1">
      <alignment horizontal="center" vertical="center"/>
    </xf>
    <xf numFmtId="0" fontId="5" fillId="0" borderId="57" xfId="0" applyFont="1" applyFill="1" applyBorder="1" applyAlignment="1">
      <alignment horizontal="center" vertical="center"/>
    </xf>
    <xf numFmtId="0" fontId="6" fillId="0" borderId="0" xfId="8" applyNumberFormat="1" applyFont="1" applyFill="1" applyAlignment="1">
      <alignment horizontal="center"/>
    </xf>
    <xf numFmtId="0" fontId="5" fillId="0" borderId="46" xfId="0" applyFont="1" applyFill="1" applyBorder="1" applyAlignment="1"/>
    <xf numFmtId="0" fontId="5" fillId="0" borderId="13" xfId="0" applyFont="1" applyFill="1" applyBorder="1" applyAlignment="1"/>
    <xf numFmtId="0" fontId="10" fillId="0" borderId="4" xfId="8" applyNumberFormat="1" applyFont="1" applyFill="1" applyBorder="1" applyAlignment="1">
      <alignment horizontal="center" vertical="center"/>
    </xf>
    <xf numFmtId="0" fontId="10" fillId="0" borderId="2" xfId="8" applyNumberFormat="1" applyFont="1" applyFill="1" applyBorder="1" applyAlignment="1">
      <alignment horizontal="center" vertical="center"/>
    </xf>
    <xf numFmtId="0" fontId="10" fillId="0" borderId="3" xfId="8" applyNumberFormat="1" applyFont="1" applyFill="1" applyBorder="1" applyAlignment="1">
      <alignment horizontal="center" vertical="center"/>
    </xf>
    <xf numFmtId="0" fontId="6" fillId="0" borderId="45" xfId="8" applyNumberFormat="1" applyFont="1" applyFill="1" applyBorder="1" applyAlignment="1">
      <alignment horizontal="center" vertical="center"/>
    </xf>
    <xf numFmtId="0" fontId="5" fillId="0" borderId="13" xfId="0" applyFont="1" applyFill="1" applyBorder="1" applyAlignment="1">
      <alignment horizontal="center"/>
    </xf>
    <xf numFmtId="0" fontId="5" fillId="0" borderId="59" xfId="0" applyFont="1" applyFill="1" applyBorder="1" applyAlignment="1">
      <alignment horizontal="center"/>
    </xf>
    <xf numFmtId="0" fontId="9" fillId="0" borderId="23" xfId="8" applyNumberFormat="1" applyFont="1" applyFill="1" applyBorder="1" applyAlignment="1">
      <alignment horizontal="center" vertical="center"/>
    </xf>
    <xf numFmtId="0" fontId="9" fillId="0" borderId="21" xfId="0" applyFont="1" applyFill="1" applyBorder="1" applyAlignment="1">
      <alignment horizontal="center"/>
    </xf>
    <xf numFmtId="0" fontId="6" fillId="0" borderId="103" xfId="8" applyNumberFormat="1" applyFont="1" applyFill="1" applyBorder="1" applyAlignment="1">
      <alignment horizontal="center" vertical="center"/>
    </xf>
    <xf numFmtId="0" fontId="6" fillId="0" borderId="104" xfId="8" applyFont="1" applyFill="1" applyBorder="1" applyAlignment="1">
      <alignment horizontal="center" vertical="center"/>
    </xf>
    <xf numFmtId="0" fontId="6" fillId="0" borderId="17" xfId="8" applyFont="1" applyFill="1" applyBorder="1" applyAlignment="1">
      <alignment horizontal="center" vertical="center"/>
    </xf>
    <xf numFmtId="0" fontId="6" fillId="0" borderId="0" xfId="8" applyFont="1" applyFill="1" applyBorder="1" applyAlignment="1">
      <alignment horizontal="center" vertical="center"/>
    </xf>
    <xf numFmtId="0" fontId="6" fillId="0" borderId="115" xfId="8" applyNumberFormat="1" applyFont="1" applyFill="1" applyBorder="1" applyAlignment="1">
      <alignment vertical="center"/>
    </xf>
    <xf numFmtId="0" fontId="5" fillId="0" borderId="116" xfId="0" applyFont="1" applyFill="1" applyBorder="1" applyAlignment="1">
      <alignment vertical="center"/>
    </xf>
    <xf numFmtId="0" fontId="6" fillId="0" borderId="112" xfId="8" applyFont="1" applyFill="1" applyBorder="1" applyAlignment="1">
      <alignment horizontal="center" vertical="center"/>
    </xf>
    <xf numFmtId="0" fontId="6" fillId="0" borderId="1" xfId="8" applyNumberFormat="1" applyFont="1" applyFill="1" applyBorder="1" applyAlignment="1">
      <alignment horizontal="center" vertical="center"/>
    </xf>
    <xf numFmtId="0" fontId="6" fillId="0" borderId="5" xfId="8" applyFont="1" applyFill="1" applyBorder="1" applyAlignment="1">
      <alignment horizontal="center" vertical="center"/>
    </xf>
    <xf numFmtId="0" fontId="6" fillId="0" borderId="110" xfId="8" applyNumberFormat="1" applyFont="1" applyFill="1" applyBorder="1" applyAlignment="1">
      <alignment horizontal="center" vertical="center"/>
    </xf>
    <xf numFmtId="0" fontId="6" fillId="0" borderId="32" xfId="8" applyFont="1" applyFill="1" applyBorder="1" applyAlignment="1">
      <alignment horizontal="center" vertical="center"/>
    </xf>
    <xf numFmtId="0" fontId="6" fillId="0" borderId="19" xfId="8" applyFont="1" applyFill="1" applyBorder="1" applyAlignment="1">
      <alignment horizontal="center" vertical="center"/>
    </xf>
    <xf numFmtId="0" fontId="6" fillId="0" borderId="47" xfId="8" applyFont="1" applyFill="1" applyBorder="1" applyAlignment="1">
      <alignment horizontal="center" vertical="center"/>
    </xf>
    <xf numFmtId="0" fontId="6" fillId="0" borderId="0" xfId="8" applyNumberFormat="1" applyFont="1" applyFill="1" applyAlignment="1">
      <alignment vertical="center"/>
    </xf>
    <xf numFmtId="0" fontId="6" fillId="0" borderId="110" xfId="8" applyFont="1" applyFill="1" applyBorder="1" applyAlignment="1">
      <alignment horizontal="center" vertical="center"/>
    </xf>
    <xf numFmtId="0" fontId="5" fillId="0" borderId="104" xfId="0" applyFont="1" applyFill="1" applyBorder="1" applyAlignment="1">
      <alignment horizontal="center" vertical="center"/>
    </xf>
    <xf numFmtId="0" fontId="6" fillId="0" borderId="111" xfId="8" applyNumberFormat="1" applyFont="1" applyFill="1" applyBorder="1" applyAlignment="1">
      <alignment horizontal="center" vertical="center"/>
    </xf>
    <xf numFmtId="0" fontId="5" fillId="0" borderId="2" xfId="0" applyFont="1" applyFill="1" applyBorder="1" applyAlignment="1">
      <alignment horizontal="center"/>
    </xf>
    <xf numFmtId="0" fontId="5" fillId="0" borderId="7" xfId="0" applyFont="1" applyFill="1" applyBorder="1" applyAlignment="1">
      <alignment horizontal="center"/>
    </xf>
    <xf numFmtId="0" fontId="10" fillId="0" borderId="30" xfId="8" applyNumberFormat="1" applyFont="1" applyFill="1" applyBorder="1" applyAlignment="1">
      <alignment vertical="center" wrapText="1"/>
    </xf>
    <xf numFmtId="0" fontId="5" fillId="0" borderId="25" xfId="0" applyFont="1" applyFill="1" applyBorder="1" applyAlignment="1">
      <alignment vertical="center" wrapText="1"/>
    </xf>
    <xf numFmtId="0" fontId="5" fillId="0" borderId="72" xfId="0" applyFont="1" applyFill="1" applyBorder="1" applyAlignment="1">
      <alignment vertical="center" wrapText="1"/>
    </xf>
    <xf numFmtId="0" fontId="5" fillId="0" borderId="15" xfId="0" applyFont="1" applyFill="1" applyBorder="1" applyAlignment="1">
      <alignment vertical="center" wrapText="1"/>
    </xf>
    <xf numFmtId="0" fontId="5" fillId="0" borderId="0" xfId="0" applyFont="1" applyFill="1" applyBorder="1" applyAlignment="1">
      <alignment vertical="center" wrapText="1"/>
    </xf>
    <xf numFmtId="0" fontId="5" fillId="0" borderId="55" xfId="0" applyFont="1" applyFill="1" applyBorder="1" applyAlignment="1">
      <alignment vertical="center" wrapText="1"/>
    </xf>
    <xf numFmtId="0" fontId="5" fillId="0" borderId="45" xfId="0" applyFont="1" applyFill="1" applyBorder="1" applyAlignment="1">
      <alignment vertical="center" wrapText="1"/>
    </xf>
    <xf numFmtId="0" fontId="5" fillId="0" borderId="13" xfId="0" applyFont="1" applyFill="1" applyBorder="1" applyAlignment="1">
      <alignment vertical="center" wrapText="1"/>
    </xf>
    <xf numFmtId="0" fontId="5" fillId="0" borderId="59" xfId="0" applyFont="1" applyFill="1" applyBorder="1" applyAlignment="1">
      <alignment vertical="center" wrapText="1"/>
    </xf>
    <xf numFmtId="0" fontId="6" fillId="0" borderId="111" xfId="8" applyFont="1" applyFill="1" applyBorder="1" applyAlignment="1">
      <alignment horizontal="center" vertical="center"/>
    </xf>
    <xf numFmtId="0" fontId="5" fillId="0" borderId="110" xfId="0" applyFont="1" applyFill="1" applyBorder="1" applyAlignment="1">
      <alignment horizontal="center" vertical="center"/>
    </xf>
    <xf numFmtId="0" fontId="6" fillId="0" borderId="39" xfId="8" applyFont="1" applyFill="1" applyBorder="1" applyAlignment="1">
      <alignment horizontal="center" vertical="center"/>
    </xf>
    <xf numFmtId="0" fontId="6" fillId="0" borderId="17" xfId="8" applyNumberFormat="1" applyFont="1" applyFill="1" applyBorder="1" applyAlignment="1">
      <alignment horizontal="center" vertical="center"/>
    </xf>
    <xf numFmtId="0" fontId="6" fillId="0" borderId="21" xfId="8" applyFont="1" applyFill="1" applyBorder="1" applyAlignment="1">
      <alignment horizontal="center" vertical="center"/>
    </xf>
    <xf numFmtId="0" fontId="6" fillId="0" borderId="13" xfId="8" applyNumberFormat="1" applyFont="1" applyFill="1" applyBorder="1" applyAlignment="1">
      <alignment horizontal="center" vertical="center"/>
    </xf>
    <xf numFmtId="0" fontId="6" fillId="0" borderId="59" xfId="8" applyFont="1" applyFill="1" applyBorder="1" applyAlignment="1">
      <alignment horizontal="center" vertical="center"/>
    </xf>
    <xf numFmtId="0" fontId="6" fillId="4" borderId="73" xfId="8" applyNumberFormat="1" applyFont="1" applyFill="1" applyBorder="1" applyAlignment="1">
      <alignment horizontal="center" vertical="center"/>
    </xf>
    <xf numFmtId="0" fontId="6" fillId="4" borderId="54" xfId="8" applyNumberFormat="1" applyFont="1" applyFill="1" applyBorder="1" applyAlignment="1">
      <alignment horizontal="center" vertical="center"/>
    </xf>
    <xf numFmtId="0" fontId="6" fillId="4" borderId="58" xfId="8" applyNumberFormat="1" applyFont="1" applyFill="1" applyBorder="1" applyAlignment="1">
      <alignment horizontal="center" vertical="center"/>
    </xf>
    <xf numFmtId="0" fontId="6" fillId="0" borderId="118" xfId="8" applyNumberFormat="1" applyFont="1" applyFill="1" applyBorder="1" applyAlignment="1">
      <alignment horizontal="center" vertical="center"/>
    </xf>
    <xf numFmtId="0" fontId="5" fillId="0" borderId="119" xfId="0" applyFont="1" applyFill="1" applyBorder="1" applyAlignment="1">
      <alignment horizontal="center" vertical="center"/>
    </xf>
    <xf numFmtId="0" fontId="6" fillId="0" borderId="109" xfId="8" applyNumberFormat="1" applyFont="1" applyFill="1" applyBorder="1" applyAlignment="1">
      <alignment vertical="center"/>
    </xf>
    <xf numFmtId="0" fontId="6" fillId="0" borderId="4" xfId="8" applyFont="1" applyFill="1" applyBorder="1" applyAlignment="1">
      <alignment horizontal="center" vertical="center"/>
    </xf>
    <xf numFmtId="0" fontId="5" fillId="0" borderId="5" xfId="0" applyFont="1" applyFill="1" applyBorder="1" applyAlignment="1">
      <alignment horizontal="center" vertical="center"/>
    </xf>
    <xf numFmtId="0" fontId="6" fillId="0" borderId="2" xfId="8" applyFont="1" applyFill="1" applyBorder="1" applyAlignment="1">
      <alignment horizontal="center" vertical="center"/>
    </xf>
    <xf numFmtId="0" fontId="6" fillId="0" borderId="33" xfId="8" applyNumberFormat="1" applyFont="1" applyFill="1" applyBorder="1" applyAlignment="1">
      <alignment vertical="center"/>
    </xf>
    <xf numFmtId="0" fontId="5" fillId="0" borderId="36" xfId="0" applyFont="1" applyFill="1" applyBorder="1" applyAlignment="1">
      <alignment vertical="center"/>
    </xf>
    <xf numFmtId="0" fontId="6" fillId="0" borderId="15" xfId="8" applyNumberFormat="1" applyFont="1" applyFill="1" applyBorder="1" applyAlignment="1">
      <alignment vertical="center"/>
    </xf>
    <xf numFmtId="0" fontId="5" fillId="0" borderId="0" xfId="0" applyFont="1" applyFill="1" applyBorder="1" applyAlignment="1">
      <alignment vertical="center"/>
    </xf>
    <xf numFmtId="0" fontId="5" fillId="0" borderId="15" xfId="0" applyFont="1" applyFill="1" applyBorder="1" applyAlignment="1">
      <alignment vertical="center"/>
    </xf>
    <xf numFmtId="0" fontId="5" fillId="0" borderId="45" xfId="0" applyFont="1" applyFill="1" applyBorder="1" applyAlignment="1">
      <alignment vertical="center"/>
    </xf>
    <xf numFmtId="0" fontId="5" fillId="0" borderId="13" xfId="0" applyFont="1" applyFill="1" applyBorder="1" applyAlignment="1">
      <alignment vertical="center"/>
    </xf>
    <xf numFmtId="0" fontId="6" fillId="0" borderId="16" xfId="8" applyNumberFormat="1" applyFont="1" applyFill="1" applyBorder="1" applyAlignment="1">
      <alignment horizontal="left" vertical="center"/>
    </xf>
    <xf numFmtId="0" fontId="6" fillId="0" borderId="17" xfId="8" applyNumberFormat="1" applyFont="1" applyFill="1" applyBorder="1" applyAlignment="1">
      <alignment horizontal="left" vertical="center"/>
    </xf>
    <xf numFmtId="0" fontId="6" fillId="0" borderId="21" xfId="8" applyNumberFormat="1" applyFont="1" applyFill="1" applyBorder="1" applyAlignment="1">
      <alignment horizontal="left" vertical="center"/>
    </xf>
    <xf numFmtId="0" fontId="6" fillId="0" borderId="16" xfId="8" applyNumberFormat="1" applyFont="1" applyFill="1" applyBorder="1" applyAlignment="1">
      <alignment horizontal="left" vertical="top"/>
    </xf>
    <xf numFmtId="0" fontId="6" fillId="0" borderId="17" xfId="8" applyNumberFormat="1" applyFont="1" applyFill="1" applyBorder="1" applyAlignment="1">
      <alignment horizontal="left" vertical="top"/>
    </xf>
    <xf numFmtId="0" fontId="6" fillId="0" borderId="21" xfId="8" applyNumberFormat="1" applyFont="1" applyFill="1" applyBorder="1" applyAlignment="1">
      <alignment horizontal="left" vertical="top"/>
    </xf>
    <xf numFmtId="0" fontId="6" fillId="0" borderId="16" xfId="8" applyFont="1" applyFill="1" applyBorder="1" applyAlignment="1">
      <alignment vertical="center"/>
    </xf>
    <xf numFmtId="0" fontId="6" fillId="0" borderId="17" xfId="8" applyFont="1" applyFill="1" applyBorder="1" applyAlignment="1">
      <alignment vertical="center"/>
    </xf>
    <xf numFmtId="0" fontId="5" fillId="0" borderId="17" xfId="0" applyFont="1" applyFill="1" applyBorder="1" applyAlignment="1">
      <alignment horizontal="center" vertical="center" wrapText="1"/>
    </xf>
    <xf numFmtId="0" fontId="6" fillId="0" borderId="26" xfId="0" applyFont="1" applyFill="1" applyBorder="1" applyAlignment="1">
      <alignment horizontal="center"/>
    </xf>
    <xf numFmtId="0" fontId="0" fillId="0" borderId="27" xfId="0" applyFill="1" applyBorder="1" applyAlignment="1">
      <alignment horizontal="center"/>
    </xf>
    <xf numFmtId="0" fontId="6" fillId="0" borderId="43" xfId="0" applyFont="1" applyFill="1" applyBorder="1" applyAlignment="1">
      <alignment horizontal="center" vertical="center"/>
    </xf>
    <xf numFmtId="0" fontId="6" fillId="0" borderId="40" xfId="0" applyFont="1" applyFill="1" applyBorder="1" applyAlignment="1">
      <alignment horizontal="center" vertical="center"/>
    </xf>
    <xf numFmtId="0" fontId="6" fillId="0" borderId="37" xfId="0" applyFont="1" applyFill="1" applyBorder="1" applyAlignment="1">
      <alignment horizontal="center" vertical="center"/>
    </xf>
    <xf numFmtId="0" fontId="0" fillId="0" borderId="43" xfId="0" applyFill="1" applyBorder="1" applyAlignment="1">
      <alignment horizontal="center" vertical="center"/>
    </xf>
    <xf numFmtId="0" fontId="0" fillId="0" borderId="44" xfId="0" applyFill="1" applyBorder="1" applyAlignment="1">
      <alignment horizontal="center" vertical="center"/>
    </xf>
    <xf numFmtId="0" fontId="6" fillId="0" borderId="40" xfId="0" applyFont="1" applyFill="1" applyBorder="1" applyAlignment="1">
      <alignment vertical="center"/>
    </xf>
    <xf numFmtId="0" fontId="6" fillId="0" borderId="42" xfId="0" applyFont="1" applyFill="1" applyBorder="1" applyAlignment="1">
      <alignment vertical="center"/>
    </xf>
    <xf numFmtId="0" fontId="0" fillId="0" borderId="21" xfId="0" applyFill="1" applyBorder="1" applyAlignment="1">
      <alignment horizontal="center" vertical="center"/>
    </xf>
    <xf numFmtId="0" fontId="6" fillId="0" borderId="27" xfId="0" applyFont="1" applyFill="1" applyBorder="1" applyAlignment="1">
      <alignment horizontal="center" vertical="top"/>
    </xf>
    <xf numFmtId="0" fontId="6" fillId="0" borderId="20" xfId="0" applyFont="1" applyFill="1" applyBorder="1" applyAlignment="1">
      <alignment horizontal="center" vertical="top"/>
    </xf>
    <xf numFmtId="0" fontId="6" fillId="0" borderId="43" xfId="0" applyFont="1" applyFill="1" applyBorder="1" applyAlignment="1">
      <alignment horizontal="center" vertical="top"/>
    </xf>
    <xf numFmtId="0" fontId="0" fillId="0" borderId="55" xfId="0" applyFill="1" applyBorder="1" applyAlignment="1">
      <alignment horizontal="center" vertical="top"/>
    </xf>
    <xf numFmtId="0" fontId="0" fillId="0" borderId="43" xfId="0" applyFill="1" applyBorder="1" applyAlignment="1">
      <alignment horizontal="center" vertical="top"/>
    </xf>
    <xf numFmtId="0" fontId="0" fillId="0" borderId="40" xfId="0" applyFill="1" applyBorder="1" applyAlignment="1">
      <alignment horizontal="center" vertical="top"/>
    </xf>
    <xf numFmtId="0" fontId="0" fillId="0" borderId="39" xfId="0" applyFill="1" applyBorder="1" applyAlignment="1">
      <alignment horizontal="center" vertical="top"/>
    </xf>
    <xf numFmtId="0" fontId="6" fillId="0" borderId="26" xfId="0" applyFont="1" applyFill="1" applyBorder="1" applyAlignment="1">
      <alignment horizontal="center" vertical="center" wrapText="1"/>
    </xf>
    <xf numFmtId="0" fontId="0" fillId="0" borderId="27" xfId="0" applyFill="1" applyBorder="1" applyAlignment="1">
      <alignment horizontal="center" vertical="center" wrapText="1"/>
    </xf>
    <xf numFmtId="0" fontId="0" fillId="0" borderId="20" xfId="0" applyFill="1" applyBorder="1" applyAlignment="1">
      <alignment horizontal="center" vertical="center" wrapText="1"/>
    </xf>
    <xf numFmtId="0" fontId="6" fillId="0" borderId="27" xfId="0" applyFont="1" applyFill="1" applyBorder="1" applyAlignment="1">
      <alignment horizontal="center" vertical="center" wrapText="1"/>
    </xf>
    <xf numFmtId="0" fontId="6" fillId="0" borderId="43" xfId="0" applyFont="1" applyFill="1" applyBorder="1" applyAlignment="1"/>
    <xf numFmtId="0" fontId="0" fillId="0" borderId="34" xfId="0" applyFill="1" applyBorder="1" applyAlignment="1">
      <alignment horizontal="center"/>
    </xf>
    <xf numFmtId="0" fontId="6" fillId="0" borderId="120" xfId="0" applyFont="1" applyFill="1" applyBorder="1" applyAlignment="1"/>
    <xf numFmtId="0" fontId="0" fillId="0" borderId="121" xfId="0" applyFill="1" applyBorder="1" applyAlignment="1"/>
    <xf numFmtId="0" fontId="6" fillId="0" borderId="40" xfId="0" applyFont="1" applyFill="1" applyBorder="1" applyAlignment="1">
      <alignment horizontal="center" vertical="top"/>
    </xf>
    <xf numFmtId="0" fontId="6" fillId="0" borderId="56" xfId="0" applyFont="1" applyFill="1" applyBorder="1" applyAlignment="1">
      <alignment horizontal="center" vertical="center" wrapText="1"/>
    </xf>
    <xf numFmtId="0" fontId="6" fillId="0" borderId="57" xfId="0" applyFont="1" applyFill="1" applyBorder="1" applyAlignment="1">
      <alignment horizontal="center" vertical="center" wrapText="1"/>
    </xf>
    <xf numFmtId="0" fontId="6" fillId="0" borderId="35" xfId="0" applyFont="1" applyFill="1" applyBorder="1" applyAlignment="1">
      <alignment vertical="center"/>
    </xf>
    <xf numFmtId="0" fontId="6" fillId="0" borderId="33" xfId="0" applyFont="1" applyFill="1" applyBorder="1" applyAlignment="1">
      <alignment horizontal="left" vertical="center" wrapText="1"/>
    </xf>
    <xf numFmtId="0" fontId="6" fillId="0" borderId="36" xfId="0" applyFont="1" applyFill="1" applyBorder="1" applyAlignment="1">
      <alignment horizontal="left" vertical="center" wrapText="1"/>
    </xf>
    <xf numFmtId="0" fontId="6" fillId="0" borderId="34" xfId="0" applyFont="1" applyFill="1" applyBorder="1" applyAlignment="1">
      <alignment horizontal="left" vertical="center" wrapText="1"/>
    </xf>
    <xf numFmtId="0" fontId="6" fillId="0" borderId="15"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55" xfId="0" applyFont="1" applyFill="1" applyBorder="1" applyAlignment="1">
      <alignment horizontal="left" vertical="center" wrapText="1"/>
    </xf>
    <xf numFmtId="0" fontId="6" fillId="0" borderId="45" xfId="0" applyFont="1" applyFill="1" applyBorder="1" applyAlignment="1">
      <alignment horizontal="left" vertical="center" wrapText="1"/>
    </xf>
    <xf numFmtId="0" fontId="6" fillId="0" borderId="13" xfId="0" applyFont="1" applyFill="1" applyBorder="1" applyAlignment="1">
      <alignment horizontal="left" vertical="center" wrapText="1"/>
    </xf>
    <xf numFmtId="0" fontId="6" fillId="0" borderId="59" xfId="0" applyFont="1" applyFill="1" applyBorder="1" applyAlignment="1">
      <alignment horizontal="left" vertical="center" wrapText="1"/>
    </xf>
    <xf numFmtId="0" fontId="0" fillId="0" borderId="43" xfId="0" applyFill="1" applyBorder="1" applyAlignment="1">
      <alignment horizontal="center" vertical="center" wrapText="1"/>
    </xf>
    <xf numFmtId="0" fontId="0" fillId="0" borderId="44" xfId="0" applyFill="1" applyBorder="1" applyAlignment="1">
      <alignment horizontal="center" vertical="center" wrapText="1"/>
    </xf>
    <xf numFmtId="0" fontId="6" fillId="0" borderId="54" xfId="0" applyFont="1" applyFill="1" applyBorder="1" applyAlignment="1">
      <alignment horizontal="center" vertical="center"/>
    </xf>
    <xf numFmtId="0" fontId="0" fillId="0" borderId="54" xfId="0" applyFill="1" applyBorder="1" applyAlignment="1">
      <alignment horizontal="center" vertical="center"/>
    </xf>
    <xf numFmtId="0" fontId="0" fillId="0" borderId="57" xfId="0" applyFill="1" applyBorder="1" applyAlignment="1">
      <alignment horizontal="center" vertical="center" wrapText="1"/>
    </xf>
    <xf numFmtId="0" fontId="0" fillId="0" borderId="0" xfId="0" applyFill="1" applyAlignment="1">
      <alignment horizontal="center" vertical="center"/>
    </xf>
    <xf numFmtId="0" fontId="0" fillId="0" borderId="15" xfId="0" applyFill="1" applyBorder="1" applyAlignment="1">
      <alignment horizontal="center" vertical="center"/>
    </xf>
    <xf numFmtId="0" fontId="6" fillId="0" borderId="26" xfId="0" applyFont="1" applyFill="1" applyBorder="1" applyAlignment="1">
      <alignment vertical="center" wrapText="1"/>
    </xf>
    <xf numFmtId="0" fontId="0" fillId="0" borderId="27" xfId="0" applyFill="1" applyBorder="1" applyAlignment="1">
      <alignment vertical="center" wrapText="1"/>
    </xf>
    <xf numFmtId="0" fontId="0" fillId="0" borderId="54" xfId="0" applyFill="1" applyBorder="1" applyAlignment="1">
      <alignment vertical="center" wrapText="1"/>
    </xf>
    <xf numFmtId="0" fontId="0" fillId="0" borderId="56" xfId="0" applyFill="1" applyBorder="1" applyAlignment="1">
      <alignment vertical="center" wrapText="1"/>
    </xf>
    <xf numFmtId="0" fontId="0" fillId="0" borderId="97" xfId="0" applyFill="1" applyBorder="1" applyAlignment="1">
      <alignment vertical="center" wrapText="1"/>
    </xf>
    <xf numFmtId="0" fontId="0" fillId="0" borderId="89" xfId="0" applyFill="1" applyBorder="1" applyAlignment="1">
      <alignment vertical="center" wrapText="1"/>
    </xf>
    <xf numFmtId="0" fontId="6" fillId="0" borderId="33" xfId="0" applyFont="1" applyFill="1" applyBorder="1" applyAlignment="1"/>
    <xf numFmtId="0" fontId="6" fillId="0" borderId="34" xfId="0" applyFont="1" applyFill="1" applyBorder="1" applyAlignment="1"/>
    <xf numFmtId="0" fontId="6" fillId="0" borderId="15" xfId="0" applyFont="1" applyFill="1" applyBorder="1" applyAlignment="1">
      <alignment vertical="top"/>
    </xf>
    <xf numFmtId="0" fontId="0" fillId="0" borderId="55" xfId="0" applyFill="1" applyBorder="1" applyAlignment="1">
      <alignment vertical="top"/>
    </xf>
    <xf numFmtId="0" fontId="0" fillId="0" borderId="38" xfId="0" applyFill="1" applyBorder="1" applyAlignment="1">
      <alignment vertical="top"/>
    </xf>
    <xf numFmtId="0" fontId="0" fillId="0" borderId="39" xfId="0" applyFill="1" applyBorder="1" applyAlignment="1">
      <alignment vertical="top"/>
    </xf>
    <xf numFmtId="0" fontId="6" fillId="0" borderId="30" xfId="0" applyFont="1" applyFill="1" applyBorder="1" applyAlignment="1">
      <alignment vertical="top" wrapText="1"/>
    </xf>
    <xf numFmtId="0" fontId="6" fillId="0" borderId="25" xfId="0" applyFont="1" applyFill="1" applyBorder="1" applyAlignment="1">
      <alignment vertical="top"/>
    </xf>
    <xf numFmtId="0" fontId="0" fillId="0" borderId="25" xfId="0" applyFill="1" applyBorder="1" applyAlignment="1">
      <alignment vertical="top"/>
    </xf>
    <xf numFmtId="0" fontId="0" fillId="0" borderId="32" xfId="0" applyFill="1" applyBorder="1" applyAlignment="1">
      <alignment vertical="top"/>
    </xf>
    <xf numFmtId="0" fontId="0" fillId="0" borderId="15" xfId="0" applyFill="1" applyBorder="1" applyAlignment="1">
      <alignment vertical="top"/>
    </xf>
    <xf numFmtId="0" fontId="0" fillId="0" borderId="0" xfId="0" applyFill="1" applyAlignment="1">
      <alignment vertical="top"/>
    </xf>
    <xf numFmtId="0" fontId="0" fillId="0" borderId="45" xfId="0" applyFill="1" applyBorder="1" applyAlignment="1">
      <alignment vertical="top"/>
    </xf>
    <xf numFmtId="0" fontId="0" fillId="0" borderId="13" xfId="0" applyFill="1" applyBorder="1" applyAlignment="1">
      <alignment vertical="top"/>
    </xf>
    <xf numFmtId="0" fontId="0" fillId="0" borderId="47" xfId="0" applyFill="1" applyBorder="1" applyAlignment="1">
      <alignment vertical="top"/>
    </xf>
    <xf numFmtId="0" fontId="6" fillId="0" borderId="0" xfId="0" applyFont="1" applyFill="1" applyBorder="1" applyAlignment="1">
      <alignment vertical="top" wrapText="1"/>
    </xf>
    <xf numFmtId="0" fontId="6" fillId="0" borderId="0" xfId="0" applyFont="1" applyFill="1" applyAlignment="1"/>
    <xf numFmtId="0" fontId="6" fillId="4" borderId="35" xfId="0" applyFont="1" applyFill="1" applyBorder="1" applyAlignment="1">
      <alignment horizontal="center" vertical="center"/>
    </xf>
    <xf numFmtId="0" fontId="6" fillId="4" borderId="37" xfId="0" applyFont="1" applyFill="1" applyBorder="1" applyAlignment="1">
      <alignment horizontal="center" vertical="center"/>
    </xf>
    <xf numFmtId="0" fontId="6" fillId="4" borderId="40" xfId="0" applyFont="1" applyFill="1" applyBorder="1" applyAlignment="1">
      <alignment horizontal="center" vertical="center"/>
    </xf>
    <xf numFmtId="0" fontId="6" fillId="4" borderId="42" xfId="0" applyFont="1" applyFill="1" applyBorder="1" applyAlignment="1">
      <alignment horizontal="center" vertical="center"/>
    </xf>
    <xf numFmtId="0" fontId="6" fillId="4" borderId="46" xfId="0" applyFont="1" applyFill="1" applyBorder="1" applyAlignment="1">
      <alignment horizontal="center" vertical="center"/>
    </xf>
    <xf numFmtId="0" fontId="6" fillId="4" borderId="47"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3" xfId="0" applyFont="1" applyFill="1" applyBorder="1" applyAlignment="1"/>
    <xf numFmtId="0" fontId="6" fillId="0" borderId="4" xfId="0" applyFont="1" applyFill="1" applyBorder="1" applyAlignment="1">
      <alignment horizontal="center" vertical="center" wrapText="1"/>
    </xf>
    <xf numFmtId="0" fontId="6" fillId="0" borderId="3" xfId="0" applyFont="1" applyFill="1" applyBorder="1" applyAlignment="1">
      <alignment horizontal="center" vertical="center" wrapText="1"/>
    </xf>
    <xf numFmtId="0" fontId="6" fillId="0" borderId="2" xfId="0" applyFont="1" applyFill="1" applyBorder="1" applyAlignment="1">
      <alignment horizontal="center" vertical="center" wrapText="1"/>
    </xf>
    <xf numFmtId="0" fontId="6" fillId="0" borderId="5" xfId="0" applyFont="1" applyFill="1" applyBorder="1" applyAlignment="1">
      <alignment horizontal="center" vertical="center" wrapText="1"/>
    </xf>
    <xf numFmtId="0" fontId="6" fillId="0" borderId="2" xfId="0" applyFont="1" applyFill="1" applyBorder="1" applyAlignment="1">
      <alignment horizontal="distributed" vertical="center"/>
    </xf>
    <xf numFmtId="0" fontId="6" fillId="0" borderId="40" xfId="0" applyFont="1" applyFill="1" applyBorder="1" applyAlignment="1">
      <alignment vertical="top"/>
    </xf>
    <xf numFmtId="0" fontId="0" fillId="0" borderId="41" xfId="0" applyFont="1" applyFill="1" applyBorder="1" applyAlignment="1">
      <alignment vertical="top"/>
    </xf>
    <xf numFmtId="0" fontId="0" fillId="0" borderId="39" xfId="0" applyFont="1" applyFill="1" applyBorder="1" applyAlignment="1">
      <alignment vertical="top"/>
    </xf>
    <xf numFmtId="0" fontId="6" fillId="0" borderId="26" xfId="0" applyFont="1" applyFill="1" applyBorder="1" applyAlignment="1">
      <alignment horizontal="right" vertical="center"/>
    </xf>
    <xf numFmtId="0" fontId="0" fillId="0" borderId="20" xfId="0" applyFont="1" applyFill="1" applyBorder="1" applyAlignment="1">
      <alignment horizontal="right" vertical="center"/>
    </xf>
    <xf numFmtId="0" fontId="0" fillId="0" borderId="36" xfId="0" applyFont="1" applyFill="1" applyBorder="1" applyAlignment="1"/>
    <xf numFmtId="0" fontId="0" fillId="0" borderId="34" xfId="0" applyFont="1" applyFill="1" applyBorder="1" applyAlignment="1"/>
    <xf numFmtId="0" fontId="6" fillId="0" borderId="35" xfId="0" applyFont="1" applyFill="1" applyBorder="1" applyAlignment="1">
      <alignment vertical="top"/>
    </xf>
    <xf numFmtId="0" fontId="0" fillId="0" borderId="36" xfId="0" applyFont="1" applyFill="1" applyBorder="1" applyAlignment="1">
      <alignment vertical="top"/>
    </xf>
    <xf numFmtId="0" fontId="0" fillId="0" borderId="34" xfId="0" applyFont="1" applyFill="1" applyBorder="1" applyAlignment="1">
      <alignment vertical="top"/>
    </xf>
    <xf numFmtId="0" fontId="6" fillId="4" borderId="34" xfId="0" applyFont="1" applyFill="1" applyBorder="1" applyAlignment="1">
      <alignment horizontal="center" vertical="center"/>
    </xf>
    <xf numFmtId="0" fontId="6" fillId="4" borderId="39" xfId="0" applyFont="1" applyFill="1" applyBorder="1" applyAlignment="1">
      <alignment horizontal="center" vertical="center"/>
    </xf>
    <xf numFmtId="0" fontId="6" fillId="0" borderId="46" xfId="0" applyFont="1" applyFill="1" applyBorder="1" applyAlignment="1">
      <alignment vertical="top"/>
    </xf>
    <xf numFmtId="0" fontId="0" fillId="0" borderId="13" xfId="0" applyFont="1" applyFill="1" applyBorder="1" applyAlignment="1">
      <alignment vertical="top"/>
    </xf>
    <xf numFmtId="0" fontId="0" fillId="0" borderId="59" xfId="0" applyFont="1" applyFill="1" applyBorder="1" applyAlignment="1">
      <alignment vertical="top"/>
    </xf>
    <xf numFmtId="0" fontId="6" fillId="4" borderId="59" xfId="0" applyFont="1" applyFill="1" applyBorder="1" applyAlignment="1">
      <alignment horizontal="center" vertical="center"/>
    </xf>
    <xf numFmtId="0" fontId="6" fillId="0" borderId="33" xfId="0" applyFont="1" applyFill="1" applyBorder="1" applyAlignment="1">
      <alignment horizontal="center" vertical="center" wrapText="1"/>
    </xf>
    <xf numFmtId="0" fontId="6" fillId="0" borderId="15" xfId="0" applyFont="1" applyFill="1" applyBorder="1" applyAlignment="1">
      <alignment horizontal="center" vertical="center" wrapText="1"/>
    </xf>
    <xf numFmtId="0" fontId="0" fillId="0" borderId="55" xfId="0" applyFont="1" applyFill="1" applyBorder="1" applyAlignment="1"/>
    <xf numFmtId="0" fontId="0" fillId="0" borderId="38" xfId="0" applyFont="1" applyFill="1" applyBorder="1" applyAlignment="1"/>
    <xf numFmtId="0" fontId="0" fillId="0" borderId="39" xfId="0" applyFont="1" applyFill="1" applyBorder="1" applyAlignment="1"/>
    <xf numFmtId="0" fontId="0" fillId="0" borderId="34" xfId="0" applyFont="1" applyFill="1" applyBorder="1" applyAlignment="1">
      <alignment horizontal="center" vertical="center"/>
    </xf>
    <xf numFmtId="0" fontId="0" fillId="0" borderId="15" xfId="0" applyFont="1" applyFill="1" applyBorder="1" applyAlignment="1">
      <alignment horizontal="center" vertical="center"/>
    </xf>
    <xf numFmtId="0" fontId="0" fillId="0" borderId="55" xfId="0" applyFont="1" applyFill="1" applyBorder="1" applyAlignment="1">
      <alignment horizontal="center" vertical="center"/>
    </xf>
    <xf numFmtId="0" fontId="6" fillId="0" borderId="38" xfId="0" applyFont="1" applyFill="1" applyBorder="1" applyAlignment="1">
      <alignment vertical="top"/>
    </xf>
    <xf numFmtId="0" fontId="6" fillId="0" borderId="39" xfId="0" applyFont="1" applyFill="1" applyBorder="1" applyAlignment="1">
      <alignment vertical="top"/>
    </xf>
    <xf numFmtId="0" fontId="0" fillId="0" borderId="28" xfId="0" applyFont="1" applyFill="1" applyBorder="1" applyAlignment="1">
      <alignment horizontal="right" vertical="center"/>
    </xf>
    <xf numFmtId="0" fontId="0" fillId="0" borderId="3" xfId="0" applyFill="1" applyBorder="1" applyAlignment="1">
      <alignment horizontal="center" vertical="center"/>
    </xf>
    <xf numFmtId="0" fontId="0" fillId="0" borderId="2" xfId="0" applyFill="1" applyBorder="1" applyAlignment="1">
      <alignment horizontal="center"/>
    </xf>
    <xf numFmtId="0" fontId="0" fillId="0" borderId="5" xfId="0" applyFill="1" applyBorder="1" applyAlignment="1">
      <alignment horizontal="center"/>
    </xf>
    <xf numFmtId="0" fontId="10" fillId="0" borderId="0" xfId="0" applyFont="1" applyFill="1" applyAlignment="1">
      <alignment horizontal="left" vertical="top" wrapText="1"/>
    </xf>
    <xf numFmtId="0" fontId="9" fillId="0" borderId="0" xfId="0" applyFont="1" applyFill="1" applyAlignment="1">
      <alignment horizontal="left" vertical="center" shrinkToFit="1"/>
    </xf>
    <xf numFmtId="0" fontId="10" fillId="0" borderId="30" xfId="0" applyFont="1" applyFill="1" applyBorder="1" applyAlignment="1">
      <alignment vertical="top"/>
    </xf>
    <xf numFmtId="0" fontId="0" fillId="0" borderId="25" xfId="0" applyFont="1" applyFill="1" applyBorder="1" applyAlignment="1">
      <alignment vertical="top"/>
    </xf>
    <xf numFmtId="0" fontId="0" fillId="0" borderId="32" xfId="0" applyFont="1" applyFill="1" applyBorder="1" applyAlignment="1">
      <alignment vertical="top"/>
    </xf>
    <xf numFmtId="0" fontId="0" fillId="0" borderId="15" xfId="0" applyFont="1" applyFill="1" applyBorder="1" applyAlignment="1">
      <alignment vertical="top"/>
    </xf>
    <xf numFmtId="0" fontId="0" fillId="0" borderId="0" xfId="0" applyFont="1" applyFill="1" applyAlignment="1">
      <alignment vertical="top"/>
    </xf>
    <xf numFmtId="0" fontId="0" fillId="0" borderId="44" xfId="0" applyFont="1" applyFill="1" applyBorder="1" applyAlignment="1">
      <alignment vertical="top"/>
    </xf>
    <xf numFmtId="0" fontId="0" fillId="0" borderId="45" xfId="0" applyFont="1" applyFill="1" applyBorder="1" applyAlignment="1">
      <alignment vertical="top"/>
    </xf>
    <xf numFmtId="0" fontId="0" fillId="0" borderId="47" xfId="0" applyFont="1" applyFill="1" applyBorder="1" applyAlignment="1">
      <alignment vertical="top"/>
    </xf>
    <xf numFmtId="0" fontId="0" fillId="0" borderId="2" xfId="0" applyFont="1" applyFill="1" applyBorder="1" applyAlignment="1">
      <alignment vertical="center"/>
    </xf>
    <xf numFmtId="0" fontId="6" fillId="0" borderId="30" xfId="0" applyFont="1" applyFill="1" applyBorder="1" applyAlignment="1">
      <alignment vertical="center"/>
    </xf>
    <xf numFmtId="0" fontId="6" fillId="0" borderId="25" xfId="0" applyFont="1" applyFill="1" applyBorder="1" applyAlignment="1">
      <alignment vertical="center"/>
    </xf>
    <xf numFmtId="0" fontId="6" fillId="0" borderId="72" xfId="0" applyFont="1" applyFill="1" applyBorder="1" applyAlignment="1">
      <alignment vertical="center"/>
    </xf>
    <xf numFmtId="0" fontId="10" fillId="0" borderId="23" xfId="0" applyFont="1" applyFill="1" applyBorder="1" applyAlignment="1">
      <alignment horizontal="center"/>
    </xf>
    <xf numFmtId="0" fontId="10" fillId="0" borderId="21" xfId="0" applyFont="1" applyFill="1" applyBorder="1" applyAlignment="1">
      <alignment horizontal="center"/>
    </xf>
    <xf numFmtId="0" fontId="0" fillId="0" borderId="36" xfId="0" applyFont="1" applyFill="1" applyBorder="1" applyAlignment="1">
      <alignment vertical="center"/>
    </xf>
    <xf numFmtId="0" fontId="0" fillId="0" borderId="34" xfId="0" applyFont="1" applyFill="1" applyBorder="1" applyAlignment="1">
      <alignment vertical="center"/>
    </xf>
    <xf numFmtId="0" fontId="0" fillId="0" borderId="15" xfId="0" applyFont="1" applyFill="1" applyBorder="1" applyAlignment="1">
      <alignment vertical="center"/>
    </xf>
    <xf numFmtId="0" fontId="0" fillId="0" borderId="0" xfId="0" applyFont="1" applyFill="1" applyBorder="1" applyAlignment="1">
      <alignment vertical="center"/>
    </xf>
    <xf numFmtId="0" fontId="0" fillId="0" borderId="55" xfId="0" applyFont="1" applyFill="1" applyBorder="1" applyAlignment="1">
      <alignment vertical="center"/>
    </xf>
    <xf numFmtId="0" fontId="0" fillId="0" borderId="59" xfId="0" applyFont="1" applyFill="1" applyBorder="1" applyAlignment="1">
      <alignment vertical="center"/>
    </xf>
    <xf numFmtId="0" fontId="10" fillId="0" borderId="56" xfId="0" applyFont="1" applyFill="1" applyBorder="1" applyAlignment="1">
      <alignment vertical="center" wrapText="1"/>
    </xf>
    <xf numFmtId="0" fontId="10" fillId="0" borderId="54" xfId="0" applyFont="1" applyFill="1" applyBorder="1" applyAlignment="1">
      <alignment vertical="center" wrapText="1"/>
    </xf>
    <xf numFmtId="0" fontId="10" fillId="0" borderId="57" xfId="0" applyFont="1" applyFill="1" applyBorder="1" applyAlignment="1">
      <alignment vertical="center" wrapText="1"/>
    </xf>
    <xf numFmtId="0" fontId="6" fillId="0" borderId="0" xfId="0" applyFont="1" applyFill="1" applyBorder="1" applyAlignment="1">
      <alignment vertical="top"/>
    </xf>
    <xf numFmtId="0" fontId="6" fillId="0" borderId="44" xfId="0" applyFont="1" applyFill="1" applyBorder="1" applyAlignment="1">
      <alignment vertical="top"/>
    </xf>
    <xf numFmtId="0" fontId="6" fillId="0" borderId="41" xfId="0" applyFont="1" applyFill="1" applyBorder="1" applyAlignment="1">
      <alignment vertical="top"/>
    </xf>
    <xf numFmtId="0" fontId="6" fillId="0" borderId="42" xfId="0" applyFont="1" applyFill="1" applyBorder="1" applyAlignment="1">
      <alignment vertical="top"/>
    </xf>
    <xf numFmtId="0" fontId="10" fillId="0" borderId="58" xfId="0" applyFont="1" applyFill="1" applyBorder="1" applyAlignment="1">
      <alignment vertical="center" wrapText="1"/>
    </xf>
    <xf numFmtId="0" fontId="6" fillId="0" borderId="13" xfId="0" applyFont="1" applyFill="1" applyBorder="1" applyAlignment="1">
      <alignment vertical="top"/>
    </xf>
    <xf numFmtId="0" fontId="6" fillId="0" borderId="47" xfId="0" applyFont="1" applyFill="1" applyBorder="1" applyAlignment="1">
      <alignment vertical="top"/>
    </xf>
    <xf numFmtId="0" fontId="6" fillId="0" borderId="0" xfId="0" applyFont="1" applyFill="1" applyBorder="1" applyAlignment="1">
      <alignment horizontal="center"/>
    </xf>
    <xf numFmtId="0" fontId="0" fillId="0" borderId="0" xfId="0" applyFont="1" applyFill="1" applyBorder="1" applyAlignment="1">
      <alignment horizontal="center"/>
    </xf>
    <xf numFmtId="0" fontId="6" fillId="0" borderId="0" xfId="0" applyFont="1" applyFill="1" applyBorder="1" applyAlignment="1">
      <alignment horizontal="center" vertical="center"/>
    </xf>
    <xf numFmtId="0" fontId="0" fillId="0" borderId="0" xfId="0" applyFont="1" applyFill="1" applyBorder="1" applyAlignment="1">
      <alignment horizontal="center" vertical="center"/>
    </xf>
    <xf numFmtId="0" fontId="6" fillId="0" borderId="0" xfId="0" applyFont="1" applyFill="1" applyBorder="1" applyAlignment="1">
      <alignment horizontal="center" vertical="top"/>
    </xf>
    <xf numFmtId="0" fontId="0" fillId="0" borderId="0" xfId="0" applyFont="1" applyFill="1" applyBorder="1" applyAlignment="1">
      <alignment horizontal="center" vertical="top"/>
    </xf>
    <xf numFmtId="0" fontId="10" fillId="0" borderId="1" xfId="0" applyFont="1" applyFill="1" applyBorder="1" applyAlignment="1">
      <alignment horizontal="center"/>
    </xf>
    <xf numFmtId="0" fontId="10" fillId="0" borderId="3" xfId="0" applyFont="1" applyFill="1" applyBorder="1" applyAlignment="1">
      <alignment horizontal="center"/>
    </xf>
    <xf numFmtId="0" fontId="10" fillId="0" borderId="17" xfId="0" applyFont="1" applyFill="1" applyBorder="1" applyAlignment="1">
      <alignment horizontal="center"/>
    </xf>
    <xf numFmtId="0" fontId="10" fillId="0" borderId="6" xfId="0" applyFont="1" applyFill="1" applyBorder="1" applyAlignment="1">
      <alignment horizontal="center"/>
    </xf>
    <xf numFmtId="0" fontId="10" fillId="0" borderId="8" xfId="0" applyFont="1" applyFill="1" applyBorder="1" applyAlignment="1">
      <alignment horizontal="center"/>
    </xf>
    <xf numFmtId="0" fontId="10" fillId="0" borderId="0" xfId="0" applyFont="1" applyFill="1" applyBorder="1" applyAlignment="1">
      <alignment horizontal="center" vertical="center"/>
    </xf>
    <xf numFmtId="0" fontId="10" fillId="0" borderId="107" xfId="0" applyFont="1" applyFill="1" applyBorder="1" applyAlignment="1">
      <alignment horizontal="center"/>
    </xf>
    <xf numFmtId="0" fontId="10" fillId="0" borderId="109" xfId="0" applyFont="1" applyFill="1" applyBorder="1" applyAlignment="1">
      <alignment horizontal="center"/>
    </xf>
    <xf numFmtId="0" fontId="10" fillId="0" borderId="4" xfId="0" applyFont="1" applyFill="1" applyBorder="1" applyAlignment="1">
      <alignment horizontal="center"/>
    </xf>
    <xf numFmtId="0" fontId="10" fillId="0" borderId="2" xfId="0" applyFont="1" applyFill="1" applyBorder="1" applyAlignment="1">
      <alignment horizontal="center"/>
    </xf>
    <xf numFmtId="0" fontId="10" fillId="0" borderId="111" xfId="0" applyFont="1" applyFill="1" applyBorder="1" applyAlignment="1">
      <alignment horizontal="left" vertical="center"/>
    </xf>
    <xf numFmtId="0" fontId="10" fillId="0" borderId="110" xfId="0" applyFont="1" applyFill="1" applyBorder="1" applyAlignment="1">
      <alignment horizontal="left" vertical="center"/>
    </xf>
    <xf numFmtId="0" fontId="10" fillId="0" borderId="110" xfId="0" applyFont="1" applyFill="1" applyBorder="1" applyAlignment="1">
      <alignment horizontal="center" vertical="center"/>
    </xf>
    <xf numFmtId="0" fontId="10" fillId="0" borderId="104" xfId="0" applyFont="1" applyFill="1" applyBorder="1" applyAlignment="1">
      <alignment horizontal="center" vertical="center"/>
    </xf>
    <xf numFmtId="0" fontId="6" fillId="0" borderId="56" xfId="0" applyFont="1" applyFill="1" applyBorder="1" applyAlignment="1">
      <alignment horizontal="center"/>
    </xf>
    <xf numFmtId="0" fontId="6" fillId="0" borderId="58" xfId="0" applyFont="1" applyFill="1" applyBorder="1" applyAlignment="1">
      <alignment horizontal="center"/>
    </xf>
    <xf numFmtId="0" fontId="0" fillId="0" borderId="0" xfId="0" applyFont="1" applyFill="1" applyBorder="1" applyAlignment="1">
      <alignment horizontal="right" vertical="center"/>
    </xf>
    <xf numFmtId="0" fontId="6" fillId="0" borderId="0" xfId="0" applyFont="1" applyFill="1" applyBorder="1" applyAlignment="1">
      <alignment vertical="center" shrinkToFit="1"/>
    </xf>
    <xf numFmtId="0" fontId="0" fillId="0" borderId="0" xfId="0" applyFont="1" applyFill="1" applyBorder="1" applyAlignment="1">
      <alignment shrinkToFit="1"/>
    </xf>
    <xf numFmtId="0" fontId="6" fillId="0" borderId="13" xfId="0" applyFont="1" applyFill="1" applyBorder="1" applyAlignment="1">
      <alignment vertical="top" wrapText="1"/>
    </xf>
    <xf numFmtId="0" fontId="6" fillId="0" borderId="123" xfId="0" applyFont="1" applyFill="1" applyBorder="1" applyAlignment="1"/>
    <xf numFmtId="0" fontId="0" fillId="0" borderId="124" xfId="0" applyFont="1" applyFill="1" applyBorder="1" applyAlignment="1"/>
    <xf numFmtId="0" fontId="0" fillId="0" borderId="43" xfId="0" applyFont="1" applyFill="1" applyBorder="1" applyAlignment="1">
      <alignment horizontal="center" vertical="center"/>
    </xf>
    <xf numFmtId="0" fontId="10" fillId="0" borderId="4" xfId="0" applyFont="1" applyFill="1" applyBorder="1" applyAlignment="1">
      <alignment vertical="center"/>
    </xf>
    <xf numFmtId="0" fontId="10" fillId="0" borderId="2" xfId="0" applyFont="1" applyFill="1" applyBorder="1" applyAlignment="1">
      <alignment vertical="center"/>
    </xf>
    <xf numFmtId="0" fontId="10" fillId="0" borderId="5" xfId="0" applyFont="1" applyFill="1" applyBorder="1" applyAlignment="1">
      <alignment vertical="center"/>
    </xf>
    <xf numFmtId="0" fontId="6" fillId="0" borderId="31" xfId="0" applyFont="1" applyFill="1" applyBorder="1" applyAlignment="1">
      <alignment horizontal="center" vertical="center"/>
    </xf>
    <xf numFmtId="0" fontId="0" fillId="0" borderId="25"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41" xfId="0" applyFont="1" applyFill="1" applyBorder="1" applyAlignment="1">
      <alignment horizontal="center" vertical="center"/>
    </xf>
    <xf numFmtId="0" fontId="0" fillId="0" borderId="19" xfId="0" applyFont="1" applyFill="1" applyBorder="1" applyAlignment="1">
      <alignment horizontal="center" vertical="center"/>
    </xf>
    <xf numFmtId="0" fontId="10" fillId="0" borderId="16" xfId="0" applyFont="1" applyFill="1" applyBorder="1" applyAlignment="1">
      <alignment horizontal="center" vertical="center"/>
    </xf>
    <xf numFmtId="0" fontId="0" fillId="0" borderId="11" xfId="0" applyFont="1" applyFill="1" applyBorder="1" applyAlignment="1">
      <alignment horizontal="right" vertical="center"/>
    </xf>
    <xf numFmtId="0" fontId="0" fillId="0" borderId="12" xfId="0" applyFont="1" applyFill="1" applyBorder="1" applyAlignment="1">
      <alignment horizontal="right" vertical="center"/>
    </xf>
    <xf numFmtId="0" fontId="0" fillId="0" borderId="44"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47" xfId="0" applyFont="1" applyFill="1" applyBorder="1" applyAlignment="1">
      <alignment horizontal="center" vertical="center"/>
    </xf>
    <xf numFmtId="0" fontId="0" fillId="0" borderId="25" xfId="0" applyFont="1" applyFill="1" applyBorder="1" applyAlignment="1">
      <alignment wrapText="1"/>
    </xf>
    <xf numFmtId="0" fontId="0" fillId="0" borderId="0" xfId="0" applyFont="1" applyFill="1" applyBorder="1" applyAlignment="1">
      <alignment wrapText="1"/>
    </xf>
    <xf numFmtId="0" fontId="0" fillId="0" borderId="15" xfId="0" applyFont="1" applyFill="1" applyBorder="1" applyAlignment="1">
      <alignment wrapText="1"/>
    </xf>
    <xf numFmtId="0" fontId="0" fillId="0" borderId="0" xfId="0" applyFont="1" applyFill="1" applyAlignment="1">
      <alignment wrapText="1"/>
    </xf>
    <xf numFmtId="0" fontId="10" fillId="0" borderId="0" xfId="0" applyFont="1" applyFill="1" applyAlignment="1"/>
    <xf numFmtId="0" fontId="10" fillId="0" borderId="1" xfId="0" applyFont="1" applyFill="1" applyBorder="1" applyAlignment="1">
      <alignment horizontal="center" vertical="center"/>
    </xf>
    <xf numFmtId="0" fontId="10" fillId="0" borderId="3" xfId="0" applyFont="1" applyFill="1" applyBorder="1" applyAlignment="1">
      <alignment horizontal="center" vertical="center"/>
    </xf>
    <xf numFmtId="0" fontId="10" fillId="0" borderId="23" xfId="0" applyFont="1" applyFill="1" applyBorder="1" applyAlignment="1">
      <alignment horizontal="distributed" vertical="center"/>
    </xf>
    <xf numFmtId="0" fontId="0" fillId="0" borderId="21" xfId="0" applyFont="1" applyFill="1" applyBorder="1" applyAlignment="1">
      <alignment horizontal="distributed" vertical="center"/>
    </xf>
    <xf numFmtId="0" fontId="10" fillId="0" borderId="17" xfId="0" applyFont="1" applyFill="1" applyBorder="1" applyAlignment="1">
      <alignment horizontal="center" vertical="center"/>
    </xf>
    <xf numFmtId="0" fontId="10" fillId="0" borderId="19" xfId="0" applyFont="1" applyFill="1" applyBorder="1" applyAlignment="1">
      <alignment horizontal="center" vertical="center"/>
    </xf>
    <xf numFmtId="0" fontId="10" fillId="0" borderId="26" xfId="0" applyFont="1" applyFill="1" applyBorder="1" applyAlignment="1">
      <alignment horizontal="center" vertical="center"/>
    </xf>
    <xf numFmtId="0" fontId="0" fillId="0" borderId="27" xfId="0" applyFont="1" applyFill="1" applyBorder="1" applyAlignment="1">
      <alignment horizontal="center" vertical="center"/>
    </xf>
    <xf numFmtId="0" fontId="0" fillId="0" borderId="28" xfId="0" applyFont="1" applyFill="1" applyBorder="1" applyAlignment="1">
      <alignment horizontal="center" vertical="center"/>
    </xf>
    <xf numFmtId="0" fontId="10" fillId="0" borderId="35" xfId="0" applyFont="1" applyFill="1" applyBorder="1" applyAlignment="1">
      <alignment vertical="center"/>
    </xf>
    <xf numFmtId="0" fontId="10" fillId="0" borderId="36" xfId="0" applyFont="1" applyFill="1" applyBorder="1" applyAlignment="1">
      <alignment vertical="center"/>
    </xf>
    <xf numFmtId="0" fontId="10" fillId="0" borderId="34" xfId="0" applyFont="1" applyFill="1" applyBorder="1" applyAlignment="1">
      <alignment vertical="center"/>
    </xf>
    <xf numFmtId="0" fontId="0" fillId="0" borderId="40" xfId="0" applyFont="1" applyFill="1" applyBorder="1" applyAlignment="1">
      <alignment vertical="center"/>
    </xf>
    <xf numFmtId="0" fontId="0" fillId="0" borderId="41" xfId="0" applyFont="1" applyFill="1" applyBorder="1" applyAlignment="1">
      <alignment vertical="center"/>
    </xf>
    <xf numFmtId="0" fontId="0" fillId="0" borderId="39" xfId="0" applyFont="1" applyFill="1" applyBorder="1" applyAlignment="1">
      <alignment vertical="center"/>
    </xf>
    <xf numFmtId="0" fontId="10" fillId="0" borderId="16" xfId="0" applyFont="1" applyFill="1" applyBorder="1" applyAlignment="1">
      <alignment vertical="top"/>
    </xf>
    <xf numFmtId="0" fontId="0" fillId="0" borderId="17" xfId="0" applyFont="1" applyFill="1" applyBorder="1" applyAlignment="1">
      <alignment vertical="top"/>
    </xf>
    <xf numFmtId="0" fontId="10" fillId="0" borderId="18" xfId="0" applyFont="1" applyFill="1" applyBorder="1" applyAlignment="1">
      <alignment vertical="center"/>
    </xf>
    <xf numFmtId="0" fontId="0" fillId="0" borderId="18" xfId="0" applyFont="1" applyFill="1" applyBorder="1" applyAlignment="1">
      <alignment vertical="center"/>
    </xf>
    <xf numFmtId="0" fontId="10" fillId="4" borderId="16" xfId="0" applyFont="1" applyFill="1" applyBorder="1" applyAlignment="1">
      <alignment horizontal="center" vertical="center"/>
    </xf>
    <xf numFmtId="0" fontId="10" fillId="4" borderId="17" xfId="0" applyFont="1" applyFill="1" applyBorder="1" applyAlignment="1">
      <alignment horizontal="center" vertical="center"/>
    </xf>
    <xf numFmtId="0" fontId="6" fillId="0" borderId="11" xfId="0" applyFont="1" applyFill="1" applyBorder="1" applyAlignment="1">
      <alignment horizontal="center"/>
    </xf>
    <xf numFmtId="0" fontId="6" fillId="0" borderId="12" xfId="0" applyFont="1" applyFill="1" applyBorder="1" applyAlignment="1">
      <alignment horizontal="center"/>
    </xf>
    <xf numFmtId="0" fontId="0" fillId="0" borderId="35" xfId="0" applyFont="1" applyFill="1" applyBorder="1" applyAlignment="1">
      <alignment vertical="center"/>
    </xf>
    <xf numFmtId="0" fontId="10" fillId="0" borderId="35" xfId="0" applyFont="1" applyFill="1" applyBorder="1" applyAlignment="1">
      <alignment vertical="center" wrapText="1"/>
    </xf>
    <xf numFmtId="0" fontId="10" fillId="0" borderId="36" xfId="0" applyFont="1" applyFill="1" applyBorder="1" applyAlignment="1">
      <alignment vertical="center" wrapText="1"/>
    </xf>
    <xf numFmtId="0" fontId="10" fillId="0" borderId="34" xfId="0" applyFont="1" applyFill="1" applyBorder="1" applyAlignment="1">
      <alignment vertical="center" wrapText="1"/>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39" xfId="0" applyFont="1" applyFill="1" applyBorder="1" applyAlignment="1">
      <alignment vertical="center" wrapText="1"/>
    </xf>
    <xf numFmtId="0" fontId="10" fillId="0" borderId="56" xfId="0" applyFont="1" applyFill="1" applyBorder="1" applyAlignment="1">
      <alignment vertical="center"/>
    </xf>
    <xf numFmtId="0" fontId="10" fillId="0" borderId="29" xfId="0" applyFont="1" applyFill="1" applyBorder="1" applyAlignment="1">
      <alignment vertical="center" shrinkToFit="1"/>
    </xf>
    <xf numFmtId="0" fontId="10" fillId="0" borderId="11" xfId="0" applyFont="1" applyFill="1" applyBorder="1" applyAlignment="1">
      <alignment vertical="center" shrinkToFit="1"/>
    </xf>
    <xf numFmtId="0" fontId="10" fillId="0" borderId="11" xfId="0" applyFont="1" applyFill="1" applyBorder="1" applyAlignment="1">
      <alignment horizontal="center" vertical="center"/>
    </xf>
    <xf numFmtId="0" fontId="10" fillId="0" borderId="7" xfId="0" applyFont="1" applyFill="1" applyBorder="1" applyAlignment="1">
      <alignment horizontal="center" vertical="center"/>
    </xf>
    <xf numFmtId="0" fontId="10" fillId="0" borderId="12" xfId="0" applyFont="1" applyFill="1" applyBorder="1" applyAlignment="1">
      <alignment horizontal="center" vertical="center"/>
    </xf>
    <xf numFmtId="0" fontId="6" fillId="0" borderId="106" xfId="0" applyFont="1" applyFill="1" applyBorder="1" applyAlignment="1">
      <alignment vertical="center"/>
    </xf>
    <xf numFmtId="0" fontId="6" fillId="0" borderId="29" xfId="0" applyFont="1" applyFill="1" applyBorder="1" applyAlignment="1">
      <alignment vertical="center"/>
    </xf>
    <xf numFmtId="0" fontId="6" fillId="0" borderId="18" xfId="0" applyFont="1" applyFill="1" applyBorder="1" applyAlignment="1">
      <alignment vertical="center"/>
    </xf>
    <xf numFmtId="0" fontId="6" fillId="0" borderId="24" xfId="0" applyFont="1" applyFill="1" applyBorder="1" applyAlignment="1">
      <alignment vertical="center"/>
    </xf>
    <xf numFmtId="0" fontId="6" fillId="0" borderId="94" xfId="0" applyFont="1" applyFill="1" applyBorder="1" applyAlignment="1">
      <alignment vertical="center"/>
    </xf>
    <xf numFmtId="0" fontId="6" fillId="0" borderId="105" xfId="0" applyFont="1" applyFill="1" applyBorder="1" applyAlignment="1">
      <alignment vertical="center"/>
    </xf>
    <xf numFmtId="0" fontId="6" fillId="0" borderId="102" xfId="0" applyFont="1" applyFill="1" applyBorder="1" applyAlignment="1">
      <alignment horizontal="center" vertical="center"/>
    </xf>
    <xf numFmtId="0" fontId="6" fillId="0" borderId="107" xfId="0" applyFont="1" applyFill="1" applyBorder="1" applyAlignment="1"/>
    <xf numFmtId="0" fontId="0" fillId="0" borderId="109" xfId="0" applyFill="1" applyBorder="1" applyAlignment="1"/>
    <xf numFmtId="0" fontId="0" fillId="0" borderId="4" xfId="0" applyFill="1" applyBorder="1" applyAlignment="1">
      <alignment horizontal="center" vertical="center"/>
    </xf>
    <xf numFmtId="0" fontId="6" fillId="0" borderId="56" xfId="0" applyFont="1" applyFill="1" applyBorder="1" applyAlignment="1"/>
    <xf numFmtId="0" fontId="6" fillId="0" borderId="57" xfId="0" applyFont="1" applyFill="1" applyBorder="1" applyAlignment="1"/>
    <xf numFmtId="178" fontId="6" fillId="0" borderId="14" xfId="9" applyFont="1" applyFill="1" applyBorder="1" applyAlignment="1">
      <alignment horizontal="center" vertical="center"/>
    </xf>
    <xf numFmtId="178" fontId="6" fillId="0" borderId="74" xfId="9" applyFont="1" applyFill="1" applyBorder="1" applyAlignment="1">
      <alignment horizontal="center" vertical="center"/>
    </xf>
    <xf numFmtId="0" fontId="0" fillId="0" borderId="37" xfId="0" applyFill="1" applyBorder="1" applyAlignment="1">
      <alignment horizontal="center" vertical="center"/>
    </xf>
    <xf numFmtId="0" fontId="6" fillId="0" borderId="26" xfId="0" applyFont="1" applyFill="1" applyBorder="1" applyAlignment="1">
      <alignment horizontal="center" vertical="distributed" textRotation="255" justifyLastLine="1"/>
    </xf>
    <xf numFmtId="0" fontId="6" fillId="0" borderId="27" xfId="0" applyFont="1" applyFill="1" applyBorder="1" applyAlignment="1">
      <alignment horizontal="center" vertical="distributed" textRotation="255" justifyLastLine="1"/>
    </xf>
    <xf numFmtId="0" fontId="6" fillId="0" borderId="20" xfId="0" applyFont="1" applyFill="1" applyBorder="1" applyAlignment="1">
      <alignment horizontal="center" vertical="distributed" textRotation="255" justifyLastLine="1"/>
    </xf>
    <xf numFmtId="0" fontId="29" fillId="0" borderId="33" xfId="10" applyFont="1" applyFill="1" applyBorder="1" applyAlignment="1">
      <alignment vertical="center"/>
    </xf>
    <xf numFmtId="0" fontId="29" fillId="0" borderId="36" xfId="10" applyFont="1" applyFill="1" applyBorder="1" applyAlignment="1">
      <alignment vertical="center"/>
    </xf>
    <xf numFmtId="0" fontId="29" fillId="0" borderId="45" xfId="10" applyFont="1" applyFill="1" applyBorder="1" applyAlignment="1">
      <alignment vertical="center"/>
    </xf>
    <xf numFmtId="0" fontId="29" fillId="0" borderId="13" xfId="10" applyFont="1" applyFill="1" applyBorder="1" applyAlignment="1">
      <alignment vertical="center"/>
    </xf>
    <xf numFmtId="0" fontId="29" fillId="0" borderId="37" xfId="10" applyFont="1" applyFill="1" applyBorder="1" applyAlignment="1">
      <alignment vertical="center"/>
    </xf>
    <xf numFmtId="0" fontId="29" fillId="0" borderId="47" xfId="10" applyFont="1" applyFill="1" applyBorder="1" applyAlignment="1">
      <alignment vertical="center"/>
    </xf>
    <xf numFmtId="0" fontId="29" fillId="0" borderId="38" xfId="10" applyFont="1" applyFill="1" applyBorder="1" applyAlignment="1">
      <alignment vertical="center"/>
    </xf>
    <xf numFmtId="0" fontId="29" fillId="0" borderId="41" xfId="10" applyFont="1" applyFill="1" applyBorder="1" applyAlignment="1">
      <alignment vertical="center"/>
    </xf>
    <xf numFmtId="0" fontId="29" fillId="0" borderId="42" xfId="10" applyFont="1" applyFill="1" applyBorder="1" applyAlignment="1">
      <alignment vertical="center"/>
    </xf>
    <xf numFmtId="0" fontId="29" fillId="0" borderId="31" xfId="10" applyFont="1" applyFill="1" applyBorder="1" applyAlignment="1">
      <alignment vertical="center"/>
    </xf>
    <xf numFmtId="0" fontId="29" fillId="0" borderId="72" xfId="10" applyFont="1" applyFill="1" applyBorder="1" applyAlignment="1">
      <alignment vertical="center"/>
    </xf>
    <xf numFmtId="0" fontId="29" fillId="0" borderId="40" xfId="10" applyFont="1" applyFill="1" applyBorder="1" applyAlignment="1">
      <alignment vertical="center"/>
    </xf>
    <xf numFmtId="0" fontId="29" fillId="0" borderId="39" xfId="10" applyFont="1" applyFill="1" applyBorder="1" applyAlignment="1">
      <alignment vertical="center"/>
    </xf>
    <xf numFmtId="0" fontId="29" fillId="0" borderId="35" xfId="10" applyFont="1" applyFill="1" applyBorder="1" applyAlignment="1">
      <alignment vertical="center"/>
    </xf>
    <xf numFmtId="0" fontId="29" fillId="0" borderId="34" xfId="10" applyFont="1" applyFill="1" applyBorder="1" applyAlignment="1">
      <alignment vertical="center"/>
    </xf>
    <xf numFmtId="0" fontId="2" fillId="0" borderId="33" xfId="15" applyFont="1" applyFill="1" applyBorder="1" applyAlignment="1">
      <alignment vertical="center" wrapText="1"/>
    </xf>
    <xf numFmtId="0" fontId="2" fillId="0" borderId="36" xfId="15" applyFont="1" applyFill="1" applyBorder="1" applyAlignment="1">
      <alignment vertical="center" wrapText="1"/>
    </xf>
    <xf numFmtId="0" fontId="2" fillId="0" borderId="15" xfId="15" applyFont="1" applyFill="1" applyBorder="1" applyAlignment="1">
      <alignment vertical="center" wrapText="1"/>
    </xf>
    <xf numFmtId="0" fontId="2" fillId="0" borderId="0" xfId="15" applyFont="1" applyFill="1" applyBorder="1" applyAlignment="1">
      <alignment vertical="center" wrapText="1"/>
    </xf>
    <xf numFmtId="0" fontId="2" fillId="0" borderId="45" xfId="15" applyFont="1" applyFill="1" applyBorder="1" applyAlignment="1">
      <alignment vertical="center" wrapText="1"/>
    </xf>
    <xf numFmtId="0" fontId="2" fillId="0" borderId="13" xfId="15" applyFont="1" applyFill="1" applyBorder="1" applyAlignment="1">
      <alignment vertical="center" wrapText="1"/>
    </xf>
    <xf numFmtId="0" fontId="2" fillId="0" borderId="33" xfId="15" applyFont="1" applyFill="1" applyBorder="1" applyAlignment="1">
      <alignment vertical="center"/>
    </xf>
    <xf numFmtId="0" fontId="2" fillId="0" borderId="36" xfId="15" applyFont="1" applyFill="1" applyBorder="1" applyAlignment="1">
      <alignment vertical="center"/>
    </xf>
    <xf numFmtId="0" fontId="2" fillId="0" borderId="37" xfId="15" applyFont="1" applyFill="1" applyBorder="1" applyAlignment="1">
      <alignment vertical="center"/>
    </xf>
    <xf numFmtId="0" fontId="29" fillId="4" borderId="73" xfId="10" applyFont="1" applyFill="1" applyBorder="1" applyAlignment="1">
      <alignment horizontal="center" vertical="center"/>
    </xf>
    <xf numFmtId="0" fontId="29" fillId="4" borderId="54" xfId="10" applyFont="1" applyFill="1" applyBorder="1" applyAlignment="1">
      <alignment horizontal="center" vertical="center"/>
    </xf>
    <xf numFmtId="0" fontId="29" fillId="0" borderId="105" xfId="10" applyFont="1" applyFill="1" applyBorder="1" applyAlignment="1">
      <alignment vertical="center"/>
    </xf>
    <xf numFmtId="0" fontId="29" fillId="0" borderId="106" xfId="10" applyFont="1" applyFill="1" applyBorder="1" applyAlignment="1">
      <alignment vertical="center"/>
    </xf>
    <xf numFmtId="0" fontId="29" fillId="0" borderId="18" xfId="10" applyFont="1" applyFill="1" applyBorder="1" applyAlignment="1">
      <alignment vertical="center"/>
    </xf>
    <xf numFmtId="0" fontId="29" fillId="0" borderId="16" xfId="10" applyFont="1" applyFill="1" applyBorder="1" applyAlignment="1">
      <alignment vertical="center"/>
    </xf>
    <xf numFmtId="0" fontId="29" fillId="0" borderId="24" xfId="10" applyFont="1" applyFill="1" applyBorder="1" applyAlignment="1">
      <alignment vertical="center"/>
    </xf>
    <xf numFmtId="0" fontId="29" fillId="0" borderId="29" xfId="10" applyFont="1" applyFill="1" applyBorder="1" applyAlignment="1">
      <alignment vertical="center"/>
    </xf>
    <xf numFmtId="0" fontId="29" fillId="0" borderId="11" xfId="10" applyFont="1" applyFill="1" applyBorder="1" applyAlignment="1">
      <alignment vertical="center"/>
    </xf>
    <xf numFmtId="0" fontId="29" fillId="0" borderId="94" xfId="10" applyFont="1" applyFill="1" applyBorder="1" applyAlignment="1">
      <alignment vertical="center"/>
    </xf>
    <xf numFmtId="0" fontId="29" fillId="0" borderId="0" xfId="10" applyFont="1" applyFill="1" applyAlignment="1">
      <alignment vertical="center"/>
    </xf>
    <xf numFmtId="0" fontId="30" fillId="0" borderId="0" xfId="0" applyFont="1" applyFill="1" applyAlignment="1">
      <alignment vertical="center"/>
    </xf>
    <xf numFmtId="0" fontId="29" fillId="0" borderId="35" xfId="10" applyFont="1" applyFill="1" applyBorder="1" applyAlignment="1">
      <alignment horizontal="center" vertical="center"/>
    </xf>
    <xf numFmtId="0" fontId="29" fillId="0" borderId="34" xfId="10" applyFont="1" applyFill="1" applyBorder="1" applyAlignment="1">
      <alignment horizontal="center" vertical="center"/>
    </xf>
    <xf numFmtId="0" fontId="29" fillId="0" borderId="40" xfId="10" applyFont="1" applyFill="1" applyBorder="1" applyAlignment="1">
      <alignment horizontal="center" vertical="center"/>
    </xf>
    <xf numFmtId="0" fontId="29" fillId="0" borderId="39" xfId="10" applyFont="1" applyFill="1" applyBorder="1" applyAlignment="1">
      <alignment horizontal="center" vertical="center"/>
    </xf>
    <xf numFmtId="0" fontId="29" fillId="0" borderId="43" xfId="10" applyFont="1" applyFill="1" applyBorder="1" applyAlignment="1">
      <alignment horizontal="center" vertical="center"/>
    </xf>
    <xf numFmtId="0" fontId="29" fillId="0" borderId="55" xfId="10" applyFont="1" applyFill="1" applyBorder="1" applyAlignment="1">
      <alignment horizontal="center" vertical="center"/>
    </xf>
    <xf numFmtId="0" fontId="29" fillId="0" borderId="37" xfId="10" applyFont="1" applyFill="1" applyBorder="1" applyAlignment="1">
      <alignment horizontal="center" vertical="center"/>
    </xf>
    <xf numFmtId="0" fontId="29" fillId="0" borderId="42" xfId="10" applyFont="1" applyFill="1" applyBorder="1" applyAlignment="1">
      <alignment horizontal="center" vertical="center"/>
    </xf>
    <xf numFmtId="0" fontId="29" fillId="0" borderId="0" xfId="10" applyFont="1" applyFill="1" applyBorder="1" applyAlignment="1"/>
    <xf numFmtId="0" fontId="2" fillId="0" borderId="25" xfId="15" applyFont="1" applyFill="1" applyBorder="1" applyAlignment="1">
      <alignment horizontal="center" vertical="center"/>
    </xf>
    <xf numFmtId="0" fontId="2" fillId="0" borderId="32" xfId="15" applyFont="1" applyFill="1" applyBorder="1" applyAlignment="1">
      <alignment horizontal="center" vertical="center"/>
    </xf>
    <xf numFmtId="0" fontId="29" fillId="0" borderId="30" xfId="10" applyFont="1" applyFill="1" applyBorder="1" applyAlignment="1">
      <alignment vertical="center"/>
    </xf>
    <xf numFmtId="0" fontId="29" fillId="0" borderId="25" xfId="10" applyFont="1" applyFill="1" applyBorder="1" applyAlignment="1">
      <alignment vertical="center"/>
    </xf>
    <xf numFmtId="0" fontId="6" fillId="0" borderId="32" xfId="0" applyFont="1" applyFill="1" applyBorder="1" applyAlignment="1">
      <alignment vertical="center"/>
    </xf>
    <xf numFmtId="0" fontId="2" fillId="0" borderId="15" xfId="15" applyFont="1" applyFill="1" applyBorder="1" applyAlignment="1">
      <alignment vertical="center"/>
    </xf>
    <xf numFmtId="0" fontId="2" fillId="0" borderId="0" xfId="15" applyFont="1" applyFill="1" applyBorder="1" applyAlignment="1">
      <alignment vertical="center"/>
    </xf>
    <xf numFmtId="0" fontId="2" fillId="0" borderId="44" xfId="15" applyFont="1" applyFill="1" applyBorder="1" applyAlignment="1">
      <alignment vertical="center"/>
    </xf>
    <xf numFmtId="0" fontId="29" fillId="0" borderId="0" xfId="10" applyFont="1" applyFill="1" applyAlignment="1">
      <alignment horizontal="right" vertical="center"/>
    </xf>
    <xf numFmtId="0" fontId="2" fillId="0" borderId="45" xfId="15" applyFont="1" applyFill="1" applyBorder="1" applyAlignment="1">
      <alignment vertical="center"/>
    </xf>
    <xf numFmtId="0" fontId="2" fillId="0" borderId="13" xfId="15" applyFont="1" applyFill="1" applyBorder="1" applyAlignment="1">
      <alignment vertical="center"/>
    </xf>
    <xf numFmtId="0" fontId="2" fillId="0" borderId="47" xfId="15" applyFont="1" applyFill="1" applyBorder="1" applyAlignment="1">
      <alignment vertical="center"/>
    </xf>
    <xf numFmtId="0" fontId="29" fillId="0" borderId="32" xfId="10" applyFont="1" applyFill="1" applyBorder="1" applyAlignment="1">
      <alignment vertical="center"/>
    </xf>
    <xf numFmtId="0" fontId="29" fillId="0" borderId="36" xfId="10" applyFont="1" applyFill="1" applyBorder="1" applyAlignment="1">
      <alignment horizontal="center" vertical="center"/>
    </xf>
    <xf numFmtId="0" fontId="29" fillId="0" borderId="13" xfId="10" applyFont="1" applyFill="1" applyBorder="1" applyAlignment="1">
      <alignment horizontal="center" vertical="center"/>
    </xf>
    <xf numFmtId="0" fontId="29" fillId="0" borderId="102" xfId="10" applyFont="1" applyFill="1" applyBorder="1" applyAlignment="1">
      <alignment vertical="center"/>
    </xf>
    <xf numFmtId="0" fontId="29" fillId="0" borderId="56" xfId="10" applyFont="1" applyFill="1" applyBorder="1" applyAlignment="1">
      <alignment horizontal="center" vertical="center" shrinkToFit="1"/>
    </xf>
    <xf numFmtId="0" fontId="29" fillId="0" borderId="57" xfId="10" applyFont="1" applyFill="1" applyBorder="1" applyAlignment="1">
      <alignment horizontal="center" vertical="center" shrinkToFit="1"/>
    </xf>
    <xf numFmtId="0" fontId="29" fillId="0" borderId="54" xfId="10" applyFont="1" applyFill="1" applyBorder="1" applyAlignment="1">
      <alignment horizontal="center" vertical="center" shrinkToFit="1"/>
    </xf>
    <xf numFmtId="0" fontId="29" fillId="4" borderId="56" xfId="10" applyFont="1" applyFill="1" applyBorder="1" applyAlignment="1">
      <alignment horizontal="center" vertical="center"/>
    </xf>
    <xf numFmtId="0" fontId="29" fillId="4" borderId="57" xfId="10" applyFont="1" applyFill="1" applyBorder="1" applyAlignment="1">
      <alignment horizontal="center" vertical="center"/>
    </xf>
    <xf numFmtId="0" fontId="29" fillId="4" borderId="43" xfId="10" applyFont="1" applyFill="1" applyBorder="1" applyAlignment="1">
      <alignment horizontal="center" vertical="center"/>
    </xf>
    <xf numFmtId="0" fontId="29" fillId="4" borderId="40" xfId="10" applyFont="1" applyFill="1" applyBorder="1" applyAlignment="1">
      <alignment horizontal="center" vertical="center"/>
    </xf>
    <xf numFmtId="0" fontId="29" fillId="0" borderId="31" xfId="10" applyFont="1" applyFill="1" applyBorder="1" applyAlignment="1">
      <alignment horizontal="center" vertical="center"/>
    </xf>
    <xf numFmtId="0" fontId="29" fillId="0" borderId="72" xfId="10" applyFont="1" applyFill="1" applyBorder="1" applyAlignment="1">
      <alignment horizontal="center" vertical="center"/>
    </xf>
    <xf numFmtId="0" fontId="29" fillId="0" borderId="32" xfId="10" applyFont="1" applyFill="1" applyBorder="1" applyAlignment="1">
      <alignment horizontal="center" vertical="center"/>
    </xf>
    <xf numFmtId="0" fontId="29" fillId="0" borderId="73" xfId="10" applyFont="1" applyFill="1" applyBorder="1" applyAlignment="1">
      <alignment horizontal="center" vertical="center" shrinkToFit="1"/>
    </xf>
    <xf numFmtId="0" fontId="23" fillId="0" borderId="0" xfId="11" applyFont="1" applyFill="1" applyBorder="1" applyAlignment="1">
      <alignment vertical="center"/>
    </xf>
    <xf numFmtId="0" fontId="23" fillId="0" borderId="0" xfId="11" applyFont="1" applyFill="1" applyBorder="1" applyAlignment="1">
      <alignment horizontal="right" vertical="center"/>
    </xf>
    <xf numFmtId="0" fontId="23" fillId="0" borderId="13" xfId="11" applyFont="1" applyFill="1" applyBorder="1" applyAlignment="1">
      <alignment horizontal="center" vertical="center"/>
    </xf>
    <xf numFmtId="0" fontId="23" fillId="0" borderId="43" xfId="11" applyFont="1" applyFill="1" applyBorder="1" applyAlignment="1">
      <alignment horizontal="distributed" vertical="center" shrinkToFit="1"/>
    </xf>
    <xf numFmtId="0" fontId="23" fillId="0" borderId="0" xfId="11" applyFont="1" applyFill="1" applyBorder="1" applyAlignment="1">
      <alignment horizontal="distributed" vertical="center" shrinkToFit="1"/>
    </xf>
    <xf numFmtId="0" fontId="0" fillId="0" borderId="0" xfId="0" applyFont="1" applyFill="1" applyBorder="1" applyAlignment="1">
      <alignment horizontal="center" vertical="center" shrinkToFit="1"/>
    </xf>
    <xf numFmtId="0" fontId="24" fillId="0" borderId="36" xfId="11" applyFont="1" applyFill="1" applyBorder="1" applyAlignment="1">
      <alignment vertical="center"/>
    </xf>
    <xf numFmtId="0" fontId="23" fillId="0" borderId="43" xfId="11" applyFont="1" applyFill="1" applyBorder="1" applyAlignment="1">
      <alignment horizontal="right" vertical="center"/>
    </xf>
    <xf numFmtId="0" fontId="23" fillId="0" borderId="36" xfId="11" applyFont="1" applyFill="1" applyBorder="1" applyAlignment="1">
      <alignment horizontal="right" vertical="center"/>
    </xf>
    <xf numFmtId="0" fontId="23" fillId="0" borderId="36" xfId="11" applyFont="1" applyFill="1" applyBorder="1" applyAlignment="1">
      <alignment vertical="center"/>
    </xf>
    <xf numFmtId="0" fontId="23" fillId="0" borderId="0" xfId="11" applyFont="1" applyFill="1" applyBorder="1" applyAlignment="1">
      <alignment horizontal="center" vertical="center"/>
    </xf>
    <xf numFmtId="0" fontId="23" fillId="0" borderId="41" xfId="11" applyFont="1" applyFill="1" applyBorder="1" applyAlignment="1">
      <alignment horizontal="center" vertical="center"/>
    </xf>
    <xf numFmtId="0" fontId="23" fillId="0" borderId="35" xfId="11" applyFont="1" applyFill="1" applyBorder="1" applyAlignment="1">
      <alignment vertical="center"/>
    </xf>
    <xf numFmtId="0" fontId="23" fillId="0" borderId="33" xfId="11" applyFont="1" applyFill="1" applyBorder="1" applyAlignment="1">
      <alignment horizontal="center" vertical="center" wrapText="1"/>
    </xf>
    <xf numFmtId="0" fontId="23" fillId="0" borderId="34" xfId="11" applyFont="1" applyFill="1" applyBorder="1" applyAlignment="1">
      <alignment horizontal="center" vertical="center" wrapText="1"/>
    </xf>
    <xf numFmtId="0" fontId="23" fillId="0" borderId="38" xfId="11" applyFont="1" applyFill="1" applyBorder="1" applyAlignment="1">
      <alignment horizontal="center" vertical="center" wrapText="1"/>
    </xf>
    <xf numFmtId="0" fontId="23" fillId="0" borderId="39" xfId="11" applyFont="1" applyFill="1" applyBorder="1" applyAlignment="1">
      <alignment horizontal="center" vertical="center" wrapText="1"/>
    </xf>
    <xf numFmtId="0" fontId="23" fillId="0" borderId="41" xfId="11" applyFont="1" applyFill="1" applyBorder="1" applyAlignment="1">
      <alignment horizontal="right" vertical="center"/>
    </xf>
    <xf numFmtId="0" fontId="17" fillId="0" borderId="36" xfId="0" applyFont="1" applyFill="1" applyBorder="1" applyAlignment="1">
      <alignment vertical="center"/>
    </xf>
    <xf numFmtId="0" fontId="17" fillId="0" borderId="41" xfId="0" applyFont="1" applyFill="1" applyBorder="1" applyAlignment="1">
      <alignment vertical="center"/>
    </xf>
    <xf numFmtId="0" fontId="23" fillId="0" borderId="41" xfId="11" applyFont="1" applyFill="1" applyBorder="1" applyAlignment="1">
      <alignment vertical="center"/>
    </xf>
    <xf numFmtId="0" fontId="23" fillId="0" borderId="30" xfId="11" applyFont="1" applyFill="1" applyBorder="1" applyAlignment="1">
      <alignment horizontal="center" vertical="center" wrapText="1"/>
    </xf>
    <xf numFmtId="0" fontId="23" fillId="0" borderId="72" xfId="11" applyFont="1" applyFill="1" applyBorder="1" applyAlignment="1">
      <alignment horizontal="center" vertical="center"/>
    </xf>
    <xf numFmtId="0" fontId="23" fillId="0" borderId="38" xfId="11" applyFont="1" applyFill="1" applyBorder="1" applyAlignment="1">
      <alignment horizontal="center" vertical="center"/>
    </xf>
    <xf numFmtId="0" fontId="23" fillId="0" borderId="39" xfId="11" applyFont="1" applyFill="1" applyBorder="1" applyAlignment="1">
      <alignment horizontal="center" vertical="center"/>
    </xf>
    <xf numFmtId="0" fontId="23" fillId="0" borderId="25" xfId="11" applyFont="1" applyFill="1" applyBorder="1" applyAlignment="1">
      <alignment horizontal="right" vertical="center"/>
    </xf>
    <xf numFmtId="0" fontId="17" fillId="0" borderId="25" xfId="0" applyFont="1" applyFill="1" applyBorder="1" applyAlignment="1">
      <alignment vertical="center"/>
    </xf>
    <xf numFmtId="0" fontId="0" fillId="0" borderId="25" xfId="0" applyFont="1" applyFill="1" applyBorder="1" applyAlignment="1">
      <alignment vertical="center"/>
    </xf>
    <xf numFmtId="0" fontId="23" fillId="0" borderId="25" xfId="11" applyFont="1" applyFill="1" applyBorder="1" applyAlignment="1">
      <alignment vertical="center"/>
    </xf>
    <xf numFmtId="0" fontId="0" fillId="0" borderId="38" xfId="0" applyFont="1" applyFill="1" applyBorder="1" applyAlignment="1">
      <alignment horizontal="center" vertical="center"/>
    </xf>
    <xf numFmtId="0" fontId="0" fillId="0" borderId="39" xfId="0" applyFont="1" applyFill="1" applyBorder="1" applyAlignment="1">
      <alignment horizontal="center" vertical="center"/>
    </xf>
    <xf numFmtId="0" fontId="23" fillId="0" borderId="15" xfId="11" applyFont="1" applyFill="1" applyBorder="1" applyAlignment="1">
      <alignment horizontal="center" vertical="center"/>
    </xf>
    <xf numFmtId="0" fontId="23" fillId="0" borderId="55" xfId="11" applyFont="1" applyFill="1" applyBorder="1" applyAlignment="1">
      <alignment horizontal="center" vertical="center"/>
    </xf>
    <xf numFmtId="0" fontId="23" fillId="0" borderId="43" xfId="11" applyFont="1" applyFill="1" applyBorder="1" applyAlignment="1">
      <alignment horizontal="distributed" vertical="center"/>
    </xf>
    <xf numFmtId="0" fontId="23" fillId="0" borderId="0" xfId="11" applyFont="1" applyFill="1" applyBorder="1" applyAlignment="1">
      <alignment horizontal="distributed" vertical="center"/>
    </xf>
    <xf numFmtId="0" fontId="23" fillId="0" borderId="43" xfId="11" applyFont="1" applyFill="1" applyBorder="1" applyAlignment="1">
      <alignment horizontal="center" vertical="center"/>
    </xf>
    <xf numFmtId="0" fontId="23" fillId="0" borderId="0" xfId="11" quotePrefix="1" applyFont="1" applyFill="1" applyBorder="1" applyAlignment="1">
      <alignment horizontal="center" vertical="center"/>
    </xf>
    <xf numFmtId="0" fontId="0" fillId="0" borderId="0" xfId="0" applyFont="1" applyFill="1" applyBorder="1" applyAlignment="1">
      <alignment horizontal="distributed" vertical="center"/>
    </xf>
    <xf numFmtId="0" fontId="23" fillId="0" borderId="15" xfId="11" applyFont="1" applyFill="1" applyBorder="1" applyAlignment="1">
      <alignment horizontal="center"/>
    </xf>
    <xf numFmtId="0" fontId="23" fillId="0" borderId="55" xfId="11" applyFont="1" applyFill="1" applyBorder="1" applyAlignment="1">
      <alignment horizontal="center"/>
    </xf>
    <xf numFmtId="0" fontId="23" fillId="0" borderId="34" xfId="11" applyFont="1" applyFill="1" applyBorder="1" applyAlignment="1">
      <alignment horizontal="center" vertical="center"/>
    </xf>
    <xf numFmtId="0" fontId="23" fillId="0" borderId="33" xfId="11" applyFont="1" applyFill="1" applyBorder="1" applyAlignment="1">
      <alignment horizontal="center"/>
    </xf>
    <xf numFmtId="0" fontId="23" fillId="0" borderId="34" xfId="11" applyFont="1" applyFill="1" applyBorder="1" applyAlignment="1">
      <alignment horizontal="center"/>
    </xf>
    <xf numFmtId="0" fontId="23" fillId="0" borderId="43" xfId="11" applyFont="1" applyFill="1" applyBorder="1" applyAlignment="1">
      <alignment horizontal="center" vertical="center" shrinkToFit="1"/>
    </xf>
    <xf numFmtId="0" fontId="23" fillId="0" borderId="0" xfId="11" applyFont="1" applyFill="1" applyBorder="1" applyAlignment="1">
      <alignment horizontal="center" vertical="center" shrinkToFit="1"/>
    </xf>
    <xf numFmtId="0" fontId="23" fillId="0" borderId="43" xfId="11" applyFont="1" applyFill="1" applyBorder="1" applyAlignment="1">
      <alignment vertical="center"/>
    </xf>
    <xf numFmtId="0" fontId="23" fillId="0" borderId="43" xfId="11" applyFont="1" applyFill="1" applyBorder="1" applyAlignment="1">
      <alignment vertical="center" shrinkToFit="1"/>
    </xf>
    <xf numFmtId="0" fontId="23" fillId="0" borderId="0" xfId="11" applyFont="1" applyFill="1" applyBorder="1" applyAlignment="1">
      <alignment vertical="center" shrinkToFit="1"/>
    </xf>
    <xf numFmtId="0" fontId="2" fillId="0" borderId="4" xfId="12" applyFont="1" applyFill="1" applyBorder="1" applyAlignment="1">
      <alignment horizontal="center" vertical="center"/>
    </xf>
    <xf numFmtId="0" fontId="2" fillId="0" borderId="3" xfId="12" applyFont="1" applyFill="1" applyBorder="1" applyAlignment="1">
      <alignment horizontal="center" vertical="center"/>
    </xf>
    <xf numFmtId="0" fontId="2" fillId="0" borderId="2" xfId="12" applyFont="1" applyFill="1" applyBorder="1" applyAlignment="1">
      <alignment horizontal="center" vertical="center"/>
    </xf>
    <xf numFmtId="0" fontId="2" fillId="0" borderId="5" xfId="12" applyFont="1" applyFill="1" applyBorder="1" applyAlignment="1">
      <alignment horizontal="center" vertical="center"/>
    </xf>
    <xf numFmtId="0" fontId="2" fillId="0" borderId="23" xfId="12" applyFont="1" applyFill="1" applyBorder="1" applyAlignment="1">
      <alignment horizontal="center" vertical="center" wrapText="1"/>
    </xf>
    <xf numFmtId="0" fontId="2" fillId="0" borderId="17" xfId="12" applyFont="1" applyFill="1" applyBorder="1" applyAlignment="1">
      <alignment horizontal="center" vertical="center" wrapText="1"/>
    </xf>
    <xf numFmtId="0" fontId="2" fillId="0" borderId="21" xfId="12" applyFont="1" applyFill="1" applyBorder="1" applyAlignment="1">
      <alignment horizontal="center" vertical="center" wrapText="1"/>
    </xf>
    <xf numFmtId="179" fontId="2" fillId="0" borderId="16" xfId="12" applyNumberFormat="1" applyFont="1" applyFill="1" applyBorder="1" applyAlignment="1">
      <alignment horizontal="center" vertical="center" shrinkToFit="1"/>
    </xf>
    <xf numFmtId="179" fontId="2" fillId="0" borderId="17" xfId="12" applyNumberFormat="1" applyFont="1" applyFill="1" applyBorder="1" applyAlignment="1">
      <alignment horizontal="center" vertical="center" shrinkToFit="1"/>
    </xf>
    <xf numFmtId="179" fontId="2" fillId="0" borderId="21" xfId="12" applyNumberFormat="1" applyFont="1" applyFill="1" applyBorder="1" applyAlignment="1">
      <alignment horizontal="center" vertical="center" shrinkToFit="1"/>
    </xf>
    <xf numFmtId="0" fontId="2" fillId="0" borderId="16" xfId="0" applyFont="1" applyFill="1" applyBorder="1" applyAlignment="1">
      <alignment horizontal="center" vertical="center" wrapText="1"/>
    </xf>
    <xf numFmtId="0" fontId="2" fillId="0" borderId="17" xfId="0" applyFont="1" applyFill="1" applyBorder="1" applyAlignment="1">
      <alignment horizontal="center" vertical="center" wrapText="1"/>
    </xf>
    <xf numFmtId="0" fontId="2" fillId="0" borderId="21" xfId="0" applyFont="1" applyFill="1" applyBorder="1" applyAlignment="1">
      <alignment horizontal="center" vertical="center" wrapText="1"/>
    </xf>
    <xf numFmtId="0" fontId="2" fillId="0" borderId="16" xfId="0" applyFont="1" applyFill="1" applyBorder="1" applyAlignment="1">
      <alignment horizontal="center" vertical="center"/>
    </xf>
    <xf numFmtId="0" fontId="2" fillId="0" borderId="21" xfId="0" applyFont="1" applyFill="1" applyBorder="1" applyAlignment="1">
      <alignment horizontal="center" vertical="center"/>
    </xf>
    <xf numFmtId="0" fontId="2" fillId="0" borderId="16" xfId="12" applyFont="1" applyFill="1" applyBorder="1" applyAlignment="1">
      <alignment horizontal="center" vertical="center"/>
    </xf>
    <xf numFmtId="0" fontId="2" fillId="0" borderId="21" xfId="12" applyFont="1" applyFill="1" applyBorder="1" applyAlignment="1">
      <alignment horizontal="center" vertical="center"/>
    </xf>
    <xf numFmtId="0" fontId="2" fillId="0" borderId="17" xfId="0" applyFont="1" applyFill="1" applyBorder="1" applyAlignment="1">
      <alignment horizontal="center" vertical="center"/>
    </xf>
    <xf numFmtId="0" fontId="2" fillId="0" borderId="17" xfId="12" applyFont="1" applyFill="1" applyBorder="1" applyAlignment="1">
      <alignment horizontal="center" vertical="center"/>
    </xf>
    <xf numFmtId="0" fontId="2" fillId="0" borderId="19" xfId="12" applyFont="1" applyFill="1" applyBorder="1" applyAlignment="1">
      <alignment horizontal="center" vertical="center"/>
    </xf>
    <xf numFmtId="0" fontId="2" fillId="0" borderId="1" xfId="0" applyFont="1" applyFill="1" applyBorder="1" applyAlignment="1">
      <alignment horizontal="center" vertical="center"/>
    </xf>
    <xf numFmtId="0" fontId="2" fillId="0" borderId="2" xfId="0" applyFont="1" applyFill="1" applyBorder="1" applyAlignment="1">
      <alignment horizontal="center" vertical="center"/>
    </xf>
    <xf numFmtId="0" fontId="2" fillId="0" borderId="3" xfId="0" applyFont="1" applyFill="1" applyBorder="1" applyAlignment="1">
      <alignment horizontal="center" vertical="center"/>
    </xf>
    <xf numFmtId="0" fontId="2" fillId="0" borderId="4" xfId="0" applyFont="1" applyFill="1" applyBorder="1" applyAlignment="1">
      <alignment horizontal="center" vertical="center"/>
    </xf>
    <xf numFmtId="0" fontId="7" fillId="0" borderId="4" xfId="12" applyFont="1" applyFill="1" applyBorder="1" applyAlignment="1">
      <alignment horizontal="center" vertical="center"/>
    </xf>
    <xf numFmtId="0" fontId="7" fillId="0" borderId="3" xfId="12" applyFont="1" applyFill="1" applyBorder="1" applyAlignment="1">
      <alignment horizontal="center" vertical="center"/>
    </xf>
    <xf numFmtId="0" fontId="2" fillId="0" borderId="6" xfId="12" applyFont="1" applyFill="1" applyBorder="1" applyAlignment="1">
      <alignment horizontal="center" vertical="center" wrapText="1"/>
    </xf>
    <xf numFmtId="0" fontId="2" fillId="0" borderId="7" xfId="12" applyFont="1" applyFill="1" applyBorder="1" applyAlignment="1">
      <alignment horizontal="center" vertical="center" wrapText="1"/>
    </xf>
    <xf numFmtId="0" fontId="2" fillId="0" borderId="8" xfId="12" applyFont="1" applyFill="1" applyBorder="1" applyAlignment="1">
      <alignment horizontal="center" vertical="center" wrapText="1"/>
    </xf>
    <xf numFmtId="179" fontId="2" fillId="0" borderId="11" xfId="12" applyNumberFormat="1" applyFont="1" applyFill="1" applyBorder="1" applyAlignment="1">
      <alignment horizontal="center" vertical="center" shrinkToFit="1"/>
    </xf>
    <xf numFmtId="179" fontId="2" fillId="0" borderId="7" xfId="12" applyNumberFormat="1" applyFont="1" applyFill="1" applyBorder="1" applyAlignment="1">
      <alignment horizontal="center" vertical="center" shrinkToFit="1"/>
    </xf>
    <xf numFmtId="179" fontId="2" fillId="0" borderId="8" xfId="12" applyNumberFormat="1" applyFont="1" applyFill="1" applyBorder="1" applyAlignment="1">
      <alignment horizontal="center" vertical="center" shrinkToFit="1"/>
    </xf>
    <xf numFmtId="0" fontId="2" fillId="0" borderId="11"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8" xfId="0" applyFont="1" applyFill="1" applyBorder="1" applyAlignment="1">
      <alignment horizontal="center" vertical="center" wrapText="1"/>
    </xf>
    <xf numFmtId="0" fontId="2" fillId="0" borderId="11" xfId="0" applyFont="1" applyFill="1" applyBorder="1" applyAlignment="1">
      <alignment horizontal="center" vertical="center"/>
    </xf>
    <xf numFmtId="0" fontId="2" fillId="0" borderId="8" xfId="0" applyFont="1" applyFill="1" applyBorder="1" applyAlignment="1">
      <alignment horizontal="center" vertical="center"/>
    </xf>
    <xf numFmtId="0" fontId="2" fillId="0" borderId="11" xfId="12" applyFont="1" applyFill="1" applyBorder="1" applyAlignment="1">
      <alignment horizontal="center" vertical="center"/>
    </xf>
    <xf numFmtId="0" fontId="2" fillId="0" borderId="8" xfId="12" applyFont="1" applyFill="1" applyBorder="1" applyAlignment="1">
      <alignment horizontal="center" vertical="center"/>
    </xf>
    <xf numFmtId="0" fontId="2" fillId="0" borderId="7" xfId="0" applyFont="1" applyFill="1" applyBorder="1" applyAlignment="1">
      <alignment horizontal="center" vertical="center"/>
    </xf>
    <xf numFmtId="0" fontId="2" fillId="0" borderId="7" xfId="12" applyFont="1" applyFill="1" applyBorder="1" applyAlignment="1">
      <alignment horizontal="center" vertical="center"/>
    </xf>
    <xf numFmtId="0" fontId="2" fillId="0" borderId="12" xfId="12" applyFont="1" applyFill="1" applyBorder="1" applyAlignment="1">
      <alignment horizontal="center" vertical="center"/>
    </xf>
    <xf numFmtId="0" fontId="7" fillId="0" borderId="4" xfId="0" applyFont="1" applyFill="1" applyBorder="1" applyAlignment="1">
      <alignment horizontal="center" vertical="center"/>
    </xf>
    <xf numFmtId="0" fontId="7" fillId="0" borderId="3" xfId="0" applyFont="1" applyFill="1" applyBorder="1" applyAlignment="1">
      <alignment horizontal="center" vertical="center"/>
    </xf>
    <xf numFmtId="0" fontId="2" fillId="0" borderId="0" xfId="12" applyFont="1" applyFill="1" applyBorder="1" applyAlignment="1">
      <alignment vertical="center"/>
    </xf>
    <xf numFmtId="0" fontId="2" fillId="0" borderId="0" xfId="0" applyFont="1" applyFill="1" applyBorder="1" applyAlignment="1">
      <alignment vertical="center"/>
    </xf>
    <xf numFmtId="0" fontId="2" fillId="0" borderId="102" xfId="0" applyFont="1" applyFill="1" applyBorder="1" applyAlignment="1">
      <alignment horizontal="center" vertical="center"/>
    </xf>
    <xf numFmtId="0" fontId="2" fillId="0" borderId="14" xfId="0" applyFont="1" applyFill="1" applyBorder="1" applyAlignment="1">
      <alignment horizontal="center" vertical="center"/>
    </xf>
    <xf numFmtId="0" fontId="2" fillId="0" borderId="23" xfId="0" applyFont="1" applyFill="1" applyBorder="1" applyAlignment="1">
      <alignment horizontal="center" vertical="center" wrapText="1"/>
    </xf>
    <xf numFmtId="0" fontId="5" fillId="0" borderId="21" xfId="0" applyFont="1" applyFill="1" applyBorder="1" applyAlignment="1">
      <alignment horizontal="center" vertical="center" wrapText="1"/>
    </xf>
    <xf numFmtId="0" fontId="5" fillId="0" borderId="17" xfId="0" applyFont="1" applyFill="1" applyBorder="1" applyAlignment="1">
      <alignment horizontal="center" vertical="center" shrinkToFit="1"/>
    </xf>
    <xf numFmtId="0" fontId="5" fillId="0" borderId="21" xfId="0" applyFont="1" applyFill="1" applyBorder="1" applyAlignment="1">
      <alignment horizontal="center" vertical="center" shrinkToFit="1"/>
    </xf>
    <xf numFmtId="0" fontId="2" fillId="0" borderId="6" xfId="0" applyFont="1" applyFill="1" applyBorder="1" applyAlignment="1">
      <alignment horizontal="center" vertical="center"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7" xfId="0" applyFont="1" applyFill="1" applyBorder="1" applyAlignment="1">
      <alignment horizontal="center" vertical="center" shrinkToFit="1"/>
    </xf>
    <xf numFmtId="0" fontId="5" fillId="0" borderId="8" xfId="0" applyFont="1" applyFill="1" applyBorder="1" applyAlignment="1">
      <alignment horizontal="center" vertical="center" shrinkToFit="1"/>
    </xf>
    <xf numFmtId="0" fontId="5" fillId="0" borderId="19" xfId="0" applyFont="1" applyFill="1" applyBorder="1" applyAlignment="1">
      <alignment vertical="center"/>
    </xf>
    <xf numFmtId="0" fontId="2" fillId="4" borderId="22" xfId="2" applyFont="1" applyFill="1" applyBorder="1" applyAlignment="1">
      <alignment vertical="center"/>
    </xf>
    <xf numFmtId="0" fontId="2" fillId="4" borderId="24" xfId="2" applyFont="1" applyFill="1" applyBorder="1" applyAlignment="1">
      <alignment vertical="center"/>
    </xf>
    <xf numFmtId="0" fontId="2" fillId="4" borderId="57" xfId="2" applyFont="1" applyFill="1" applyBorder="1" applyAlignment="1">
      <alignment vertical="center"/>
    </xf>
    <xf numFmtId="0" fontId="2" fillId="4" borderId="29" xfId="2" applyFont="1" applyFill="1" applyBorder="1" applyAlignment="1">
      <alignment vertical="center"/>
    </xf>
  </cellXfs>
  <cellStyles count="18">
    <cellStyle name="桁区切り" xfId="14" builtinId="6"/>
    <cellStyle name="通貨_Ｈ１６児養２１" xfId="9" xr:uid="{00000000-0005-0000-0000-000001000000}"/>
    <cellStyle name="標準" xfId="0" builtinId="0"/>
    <cellStyle name="標準 2" xfId="16" xr:uid="{6D02F65F-905F-4BE5-BD01-48F2A0439134}"/>
    <cellStyle name="標準_（修正）児養０４" xfId="1" xr:uid="{00000000-0005-0000-0000-000003000000}"/>
    <cellStyle name="標準_（修正）児養０５" xfId="7" xr:uid="{00000000-0005-0000-0000-000004000000}"/>
    <cellStyle name="標準_Ｈ１６児養０３" xfId="5" xr:uid="{00000000-0005-0000-0000-000005000000}"/>
    <cellStyle name="標準_Ｈ１６児養０４" xfId="2" xr:uid="{00000000-0005-0000-0000-000006000000}"/>
    <cellStyle name="標準_Ｈ１６児養０５" xfId="3" xr:uid="{00000000-0005-0000-0000-000007000000}"/>
    <cellStyle name="標準_Ｈ１６児養２２" xfId="10" xr:uid="{00000000-0005-0000-0000-000009000000}"/>
    <cellStyle name="標準_Ｈ１６児養２３" xfId="11" xr:uid="{00000000-0005-0000-0000-00000A000000}"/>
    <cellStyle name="標準_Ｈ１６児養２４" xfId="12" xr:uid="{00000000-0005-0000-0000-00000B000000}"/>
    <cellStyle name="標準_Ｈ１６民保０３" xfId="6" xr:uid="{00000000-0005-0000-0000-00000C000000}"/>
    <cellStyle name="標準_Ｈ１６民保２０" xfId="15" xr:uid="{00000000-0005-0000-0000-00000D000000}"/>
    <cellStyle name="標準_H１６民保２２" xfId="13" xr:uid="{00000000-0005-0000-0000-00000E000000}"/>
    <cellStyle name="標準_H２０年度社会福祉法人監査資料" xfId="4" xr:uid="{00000000-0005-0000-0000-00000F000000}"/>
    <cellStyle name="標準_H21 児童福祉施設事前資料（案）" xfId="17" xr:uid="{B2F04D17-A41D-4DEC-AFEC-EFF900BBF881}"/>
    <cellStyle name="標準_児童処概1" xfId="8" xr:uid="{00000000-0005-0000-0000-000010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1.xml"/><Relationship Id="rId30"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xdr:col>
          <xdr:colOff>312420</xdr:colOff>
          <xdr:row>20</xdr:row>
          <xdr:rowOff>7620</xdr:rowOff>
        </xdr:from>
        <xdr:to>
          <xdr:col>14</xdr:col>
          <xdr:colOff>228600</xdr:colOff>
          <xdr:row>21</xdr:row>
          <xdr:rowOff>0</xdr:rowOff>
        </xdr:to>
        <xdr:sp macro="" textlink="">
          <xdr:nvSpPr>
            <xdr:cNvPr id="18434" name="Check Box 2" hidden="1">
              <a:extLst>
                <a:ext uri="{63B3BB69-23CF-44E3-9099-C40C66FF867C}">
                  <a14:compatExt spid="_x0000_s18434"/>
                </a:ext>
                <a:ext uri="{FF2B5EF4-FFF2-40B4-BE49-F238E27FC236}">
                  <a16:creationId xmlns:a16="http://schemas.microsoft.com/office/drawing/2014/main" id="{00000000-0008-0000-0000-000002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単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220980</xdr:colOff>
          <xdr:row>20</xdr:row>
          <xdr:rowOff>22860</xdr:rowOff>
        </xdr:from>
        <xdr:to>
          <xdr:col>16</xdr:col>
          <xdr:colOff>133350</xdr:colOff>
          <xdr:row>21</xdr:row>
          <xdr:rowOff>0</xdr:rowOff>
        </xdr:to>
        <xdr:sp macro="" textlink="">
          <xdr:nvSpPr>
            <xdr:cNvPr id="18435" name="Check Box 3" hidden="1">
              <a:extLst>
                <a:ext uri="{63B3BB69-23CF-44E3-9099-C40C66FF867C}">
                  <a14:compatExt spid="_x0000_s18435"/>
                </a:ext>
                <a:ext uri="{FF2B5EF4-FFF2-40B4-BE49-F238E27FC236}">
                  <a16:creationId xmlns:a16="http://schemas.microsoft.com/office/drawing/2014/main" id="{00000000-0008-0000-0000-000003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共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860</xdr:colOff>
          <xdr:row>25</xdr:row>
          <xdr:rowOff>213360</xdr:rowOff>
        </xdr:from>
        <xdr:to>
          <xdr:col>3</xdr:col>
          <xdr:colOff>57150</xdr:colOff>
          <xdr:row>27</xdr:row>
          <xdr:rowOff>9525</xdr:rowOff>
        </xdr:to>
        <xdr:sp macro="" textlink="">
          <xdr:nvSpPr>
            <xdr:cNvPr id="18436" name="Check Box 4" hidden="1">
              <a:extLst>
                <a:ext uri="{63B3BB69-23CF-44E3-9099-C40C66FF867C}">
                  <a14:compatExt spid="_x0000_s18436"/>
                </a:ext>
                <a:ext uri="{FF2B5EF4-FFF2-40B4-BE49-F238E27FC236}">
                  <a16:creationId xmlns:a16="http://schemas.microsoft.com/office/drawing/2014/main" id="{00000000-0008-0000-0000-000004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5</xdr:row>
          <xdr:rowOff>213360</xdr:rowOff>
        </xdr:from>
        <xdr:to>
          <xdr:col>9</xdr:col>
          <xdr:colOff>47625</xdr:colOff>
          <xdr:row>27</xdr:row>
          <xdr:rowOff>9525</xdr:rowOff>
        </xdr:to>
        <xdr:sp macro="" textlink="">
          <xdr:nvSpPr>
            <xdr:cNvPr id="18437" name="Check Box 5" hidden="1">
              <a:extLst>
                <a:ext uri="{63B3BB69-23CF-44E3-9099-C40C66FF867C}">
                  <a14:compatExt spid="_x0000_s18437"/>
                </a:ext>
                <a:ext uri="{FF2B5EF4-FFF2-40B4-BE49-F238E27FC236}">
                  <a16:creationId xmlns:a16="http://schemas.microsoft.com/office/drawing/2014/main" id="{00000000-0008-0000-0000-000005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38100</xdr:colOff>
          <xdr:row>25</xdr:row>
          <xdr:rowOff>213360</xdr:rowOff>
        </xdr:from>
        <xdr:to>
          <xdr:col>15</xdr:col>
          <xdr:colOff>76200</xdr:colOff>
          <xdr:row>27</xdr:row>
          <xdr:rowOff>9525</xdr:rowOff>
        </xdr:to>
        <xdr:sp macro="" textlink="">
          <xdr:nvSpPr>
            <xdr:cNvPr id="18438" name="Check Box 6" hidden="1">
              <a:extLst>
                <a:ext uri="{63B3BB69-23CF-44E3-9099-C40C66FF867C}">
                  <a14:compatExt spid="_x0000_s18438"/>
                </a:ext>
                <a:ext uri="{FF2B5EF4-FFF2-40B4-BE49-F238E27FC236}">
                  <a16:creationId xmlns:a16="http://schemas.microsoft.com/office/drawing/2014/main" id="{00000000-0008-0000-0000-000006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236220</xdr:colOff>
          <xdr:row>25</xdr:row>
          <xdr:rowOff>213360</xdr:rowOff>
        </xdr:from>
        <xdr:to>
          <xdr:col>16</xdr:col>
          <xdr:colOff>304800</xdr:colOff>
          <xdr:row>27</xdr:row>
          <xdr:rowOff>19050</xdr:rowOff>
        </xdr:to>
        <xdr:sp macro="" textlink="">
          <xdr:nvSpPr>
            <xdr:cNvPr id="18439" name="Check Box 7" hidden="1">
              <a:extLst>
                <a:ext uri="{63B3BB69-23CF-44E3-9099-C40C66FF867C}">
                  <a14:compatExt spid="_x0000_s18439"/>
                </a:ext>
                <a:ext uri="{FF2B5EF4-FFF2-40B4-BE49-F238E27FC236}">
                  <a16:creationId xmlns:a16="http://schemas.microsoft.com/office/drawing/2014/main" id="{00000000-0008-0000-0000-000007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0.xml><?xml version="1.0" encoding="utf-8"?>
<xdr:wsDr xmlns:xdr="http://schemas.openxmlformats.org/drawingml/2006/spreadsheetDrawing" xmlns:a="http://schemas.openxmlformats.org/drawingml/2006/main">
  <xdr:twoCellAnchor>
    <xdr:from>
      <xdr:col>1</xdr:col>
      <xdr:colOff>0</xdr:colOff>
      <xdr:row>34</xdr:row>
      <xdr:rowOff>0</xdr:rowOff>
    </xdr:from>
    <xdr:to>
      <xdr:col>4</xdr:col>
      <xdr:colOff>9525</xdr:colOff>
      <xdr:row>36</xdr:row>
      <xdr:rowOff>0</xdr:rowOff>
    </xdr:to>
    <xdr:sp macro="" textlink="">
      <xdr:nvSpPr>
        <xdr:cNvPr id="2" name="Line 1">
          <a:extLst>
            <a:ext uri="{FF2B5EF4-FFF2-40B4-BE49-F238E27FC236}">
              <a16:creationId xmlns:a16="http://schemas.microsoft.com/office/drawing/2014/main" id="{00000000-0008-0000-0C00-000002000000}"/>
            </a:ext>
          </a:extLst>
        </xdr:cNvPr>
        <xdr:cNvSpPr>
          <a:spLocks noChangeShapeType="1"/>
        </xdr:cNvSpPr>
      </xdr:nvSpPr>
      <xdr:spPr bwMode="auto">
        <a:xfrm>
          <a:off x="123825" y="6029325"/>
          <a:ext cx="952500" cy="4000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34</xdr:row>
      <xdr:rowOff>19050</xdr:rowOff>
    </xdr:from>
    <xdr:to>
      <xdr:col>11</xdr:col>
      <xdr:colOff>0</xdr:colOff>
      <xdr:row>36</xdr:row>
      <xdr:rowOff>0</xdr:rowOff>
    </xdr:to>
    <xdr:sp macro="" textlink="">
      <xdr:nvSpPr>
        <xdr:cNvPr id="3" name="Line 2">
          <a:extLst>
            <a:ext uri="{FF2B5EF4-FFF2-40B4-BE49-F238E27FC236}">
              <a16:creationId xmlns:a16="http://schemas.microsoft.com/office/drawing/2014/main" id="{00000000-0008-0000-0C00-000003000000}"/>
            </a:ext>
          </a:extLst>
        </xdr:cNvPr>
        <xdr:cNvSpPr>
          <a:spLocks noChangeShapeType="1"/>
        </xdr:cNvSpPr>
      </xdr:nvSpPr>
      <xdr:spPr bwMode="auto">
        <a:xfrm>
          <a:off x="3067050" y="6048375"/>
          <a:ext cx="800100" cy="3810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381000</xdr:colOff>
          <xdr:row>51</xdr:row>
          <xdr:rowOff>137160</xdr:rowOff>
        </xdr:from>
        <xdr:to>
          <xdr:col>6</xdr:col>
          <xdr:colOff>400050</xdr:colOff>
          <xdr:row>53</xdr:row>
          <xdr:rowOff>9525</xdr:rowOff>
        </xdr:to>
        <xdr:sp macro="" textlink="">
          <xdr:nvSpPr>
            <xdr:cNvPr id="56322" name="Check Box 2" hidden="1">
              <a:extLst>
                <a:ext uri="{63B3BB69-23CF-44E3-9099-C40C66FF867C}">
                  <a14:compatExt spid="_x0000_s56322"/>
                </a:ext>
                <a:ext uri="{FF2B5EF4-FFF2-40B4-BE49-F238E27FC236}">
                  <a16:creationId xmlns:a16="http://schemas.microsoft.com/office/drawing/2014/main" id="{00000000-0008-0000-0C00-000002D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52</xdr:row>
          <xdr:rowOff>7620</xdr:rowOff>
        </xdr:from>
        <xdr:to>
          <xdr:col>8</xdr:col>
          <xdr:colOff>57150</xdr:colOff>
          <xdr:row>52</xdr:row>
          <xdr:rowOff>238125</xdr:rowOff>
        </xdr:to>
        <xdr:sp macro="" textlink="">
          <xdr:nvSpPr>
            <xdr:cNvPr id="56323" name="Check Box 3" hidden="1">
              <a:extLst>
                <a:ext uri="{63B3BB69-23CF-44E3-9099-C40C66FF867C}">
                  <a14:compatExt spid="_x0000_s56323"/>
                </a:ext>
                <a:ext uri="{FF2B5EF4-FFF2-40B4-BE49-F238E27FC236}">
                  <a16:creationId xmlns:a16="http://schemas.microsoft.com/office/drawing/2014/main" id="{00000000-0008-0000-0C00-000003D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81000</xdr:colOff>
          <xdr:row>53</xdr:row>
          <xdr:rowOff>0</xdr:rowOff>
        </xdr:from>
        <xdr:to>
          <xdr:col>6</xdr:col>
          <xdr:colOff>400050</xdr:colOff>
          <xdr:row>54</xdr:row>
          <xdr:rowOff>19050</xdr:rowOff>
        </xdr:to>
        <xdr:sp macro="" textlink="">
          <xdr:nvSpPr>
            <xdr:cNvPr id="56324" name="Check Box 4" hidden="1">
              <a:extLst>
                <a:ext uri="{63B3BB69-23CF-44E3-9099-C40C66FF867C}">
                  <a14:compatExt spid="_x0000_s56324"/>
                </a:ext>
                <a:ext uri="{FF2B5EF4-FFF2-40B4-BE49-F238E27FC236}">
                  <a16:creationId xmlns:a16="http://schemas.microsoft.com/office/drawing/2014/main" id="{00000000-0008-0000-0C00-000004D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53</xdr:row>
          <xdr:rowOff>22860</xdr:rowOff>
        </xdr:from>
        <xdr:to>
          <xdr:col>8</xdr:col>
          <xdr:colOff>57150</xdr:colOff>
          <xdr:row>54</xdr:row>
          <xdr:rowOff>9525</xdr:rowOff>
        </xdr:to>
        <xdr:sp macro="" textlink="">
          <xdr:nvSpPr>
            <xdr:cNvPr id="56325" name="Check Box 5" hidden="1">
              <a:extLst>
                <a:ext uri="{63B3BB69-23CF-44E3-9099-C40C66FF867C}">
                  <a14:compatExt spid="_x0000_s56325"/>
                </a:ext>
                <a:ext uri="{FF2B5EF4-FFF2-40B4-BE49-F238E27FC236}">
                  <a16:creationId xmlns:a16="http://schemas.microsoft.com/office/drawing/2014/main" id="{00000000-0008-0000-0C00-000005D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45</xdr:row>
          <xdr:rowOff>15240</xdr:rowOff>
        </xdr:from>
        <xdr:to>
          <xdr:col>10</xdr:col>
          <xdr:colOff>57150</xdr:colOff>
          <xdr:row>46</xdr:row>
          <xdr:rowOff>9525</xdr:rowOff>
        </xdr:to>
        <xdr:sp macro="" textlink="">
          <xdr:nvSpPr>
            <xdr:cNvPr id="56328" name="Check Box 8" hidden="1">
              <a:extLst>
                <a:ext uri="{63B3BB69-23CF-44E3-9099-C40C66FF867C}">
                  <a14:compatExt spid="_x0000_s56328"/>
                </a:ext>
                <a:ext uri="{FF2B5EF4-FFF2-40B4-BE49-F238E27FC236}">
                  <a16:creationId xmlns:a16="http://schemas.microsoft.com/office/drawing/2014/main" id="{00000000-0008-0000-0C00-000008D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29540</xdr:colOff>
          <xdr:row>45</xdr:row>
          <xdr:rowOff>38100</xdr:rowOff>
        </xdr:from>
        <xdr:to>
          <xdr:col>11</xdr:col>
          <xdr:colOff>133350</xdr:colOff>
          <xdr:row>45</xdr:row>
          <xdr:rowOff>266700</xdr:rowOff>
        </xdr:to>
        <xdr:sp macro="" textlink="">
          <xdr:nvSpPr>
            <xdr:cNvPr id="56329" name="Check Box 9" hidden="1">
              <a:extLst>
                <a:ext uri="{63B3BB69-23CF-44E3-9099-C40C66FF867C}">
                  <a14:compatExt spid="_x0000_s56329"/>
                </a:ext>
                <a:ext uri="{FF2B5EF4-FFF2-40B4-BE49-F238E27FC236}">
                  <a16:creationId xmlns:a16="http://schemas.microsoft.com/office/drawing/2014/main" id="{00000000-0008-0000-0C00-000009D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53340</xdr:colOff>
          <xdr:row>46</xdr:row>
          <xdr:rowOff>7620</xdr:rowOff>
        </xdr:from>
        <xdr:to>
          <xdr:col>11</xdr:col>
          <xdr:colOff>66675</xdr:colOff>
          <xdr:row>47</xdr:row>
          <xdr:rowOff>0</xdr:rowOff>
        </xdr:to>
        <xdr:sp macro="" textlink="">
          <xdr:nvSpPr>
            <xdr:cNvPr id="56332" name="Check Box 12" hidden="1">
              <a:extLst>
                <a:ext uri="{63B3BB69-23CF-44E3-9099-C40C66FF867C}">
                  <a14:compatExt spid="_x0000_s56332"/>
                </a:ext>
                <a:ext uri="{FF2B5EF4-FFF2-40B4-BE49-F238E27FC236}">
                  <a16:creationId xmlns:a16="http://schemas.microsoft.com/office/drawing/2014/main" id="{00000000-0008-0000-0C00-00000CD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37160</xdr:colOff>
          <xdr:row>46</xdr:row>
          <xdr:rowOff>30480</xdr:rowOff>
        </xdr:from>
        <xdr:to>
          <xdr:col>12</xdr:col>
          <xdr:colOff>142875</xdr:colOff>
          <xdr:row>46</xdr:row>
          <xdr:rowOff>257175</xdr:rowOff>
        </xdr:to>
        <xdr:sp macro="" textlink="">
          <xdr:nvSpPr>
            <xdr:cNvPr id="56333" name="Check Box 13" hidden="1">
              <a:extLst>
                <a:ext uri="{63B3BB69-23CF-44E3-9099-C40C66FF867C}">
                  <a14:compatExt spid="_x0000_s56333"/>
                </a:ext>
                <a:ext uri="{FF2B5EF4-FFF2-40B4-BE49-F238E27FC236}">
                  <a16:creationId xmlns:a16="http://schemas.microsoft.com/office/drawing/2014/main" id="{00000000-0008-0000-0C00-00000DD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441960</xdr:colOff>
          <xdr:row>4</xdr:row>
          <xdr:rowOff>30480</xdr:rowOff>
        </xdr:from>
        <xdr:to>
          <xdr:col>4</xdr:col>
          <xdr:colOff>876300</xdr:colOff>
          <xdr:row>4</xdr:row>
          <xdr:rowOff>297180</xdr:rowOff>
        </xdr:to>
        <xdr:sp macro="" textlink="">
          <xdr:nvSpPr>
            <xdr:cNvPr id="57345" name="Check Box 1" hidden="1">
              <a:extLst>
                <a:ext uri="{63B3BB69-23CF-44E3-9099-C40C66FF867C}">
                  <a14:compatExt spid="_x0000_s57345"/>
                </a:ext>
                <a:ext uri="{FF2B5EF4-FFF2-40B4-BE49-F238E27FC236}">
                  <a16:creationId xmlns:a16="http://schemas.microsoft.com/office/drawing/2014/main" id="{00000000-0008-0000-0D00-000001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44880</xdr:colOff>
          <xdr:row>4</xdr:row>
          <xdr:rowOff>53340</xdr:rowOff>
        </xdr:from>
        <xdr:to>
          <xdr:col>4</xdr:col>
          <xdr:colOff>1371600</xdr:colOff>
          <xdr:row>4</xdr:row>
          <xdr:rowOff>281940</xdr:rowOff>
        </xdr:to>
        <xdr:sp macro="" textlink="">
          <xdr:nvSpPr>
            <xdr:cNvPr id="57346" name="Check Box 2" hidden="1">
              <a:extLst>
                <a:ext uri="{63B3BB69-23CF-44E3-9099-C40C66FF867C}">
                  <a14:compatExt spid="_x0000_s57346"/>
                </a:ext>
                <a:ext uri="{FF2B5EF4-FFF2-40B4-BE49-F238E27FC236}">
                  <a16:creationId xmlns:a16="http://schemas.microsoft.com/office/drawing/2014/main" id="{00000000-0008-0000-0D00-000002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41960</xdr:colOff>
          <xdr:row>13</xdr:row>
          <xdr:rowOff>30480</xdr:rowOff>
        </xdr:from>
        <xdr:to>
          <xdr:col>4</xdr:col>
          <xdr:colOff>876300</xdr:colOff>
          <xdr:row>13</xdr:row>
          <xdr:rowOff>297180</xdr:rowOff>
        </xdr:to>
        <xdr:sp macro="" textlink="">
          <xdr:nvSpPr>
            <xdr:cNvPr id="57347" name="Check Box 3" hidden="1">
              <a:extLst>
                <a:ext uri="{63B3BB69-23CF-44E3-9099-C40C66FF867C}">
                  <a14:compatExt spid="_x0000_s57347"/>
                </a:ext>
                <a:ext uri="{FF2B5EF4-FFF2-40B4-BE49-F238E27FC236}">
                  <a16:creationId xmlns:a16="http://schemas.microsoft.com/office/drawing/2014/main" id="{00000000-0008-0000-0D00-000003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44880</xdr:colOff>
          <xdr:row>13</xdr:row>
          <xdr:rowOff>53340</xdr:rowOff>
        </xdr:from>
        <xdr:to>
          <xdr:col>4</xdr:col>
          <xdr:colOff>1371600</xdr:colOff>
          <xdr:row>13</xdr:row>
          <xdr:rowOff>281940</xdr:rowOff>
        </xdr:to>
        <xdr:sp macro="" textlink="">
          <xdr:nvSpPr>
            <xdr:cNvPr id="57348" name="Check Box 4" hidden="1">
              <a:extLst>
                <a:ext uri="{63B3BB69-23CF-44E3-9099-C40C66FF867C}">
                  <a14:compatExt spid="_x0000_s57348"/>
                </a:ext>
                <a:ext uri="{FF2B5EF4-FFF2-40B4-BE49-F238E27FC236}">
                  <a16:creationId xmlns:a16="http://schemas.microsoft.com/office/drawing/2014/main" id="{00000000-0008-0000-0D00-000004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205740</xdr:colOff>
          <xdr:row>0</xdr:row>
          <xdr:rowOff>205740</xdr:rowOff>
        </xdr:from>
        <xdr:to>
          <xdr:col>3</xdr:col>
          <xdr:colOff>647700</xdr:colOff>
          <xdr:row>2</xdr:row>
          <xdr:rowOff>45720</xdr:rowOff>
        </xdr:to>
        <xdr:sp macro="" textlink="">
          <xdr:nvSpPr>
            <xdr:cNvPr id="59393" name="Check Box 1" hidden="1">
              <a:extLst>
                <a:ext uri="{63B3BB69-23CF-44E3-9099-C40C66FF867C}">
                  <a14:compatExt spid="_x0000_s59393"/>
                </a:ext>
                <a:ext uri="{FF2B5EF4-FFF2-40B4-BE49-F238E27FC236}">
                  <a16:creationId xmlns:a16="http://schemas.microsoft.com/office/drawing/2014/main" id="{00000000-0008-0000-0F00-000001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21920</xdr:colOff>
          <xdr:row>0</xdr:row>
          <xdr:rowOff>236220</xdr:rowOff>
        </xdr:from>
        <xdr:to>
          <xdr:col>11</xdr:col>
          <xdr:colOff>220980</xdr:colOff>
          <xdr:row>2</xdr:row>
          <xdr:rowOff>30480</xdr:rowOff>
        </xdr:to>
        <xdr:sp macro="" textlink="">
          <xdr:nvSpPr>
            <xdr:cNvPr id="59394" name="Check Box 2" hidden="1">
              <a:extLst>
                <a:ext uri="{63B3BB69-23CF-44E3-9099-C40C66FF867C}">
                  <a14:compatExt spid="_x0000_s59394"/>
                </a:ext>
                <a:ext uri="{FF2B5EF4-FFF2-40B4-BE49-F238E27FC236}">
                  <a16:creationId xmlns:a16="http://schemas.microsoft.com/office/drawing/2014/main" id="{00000000-0008-0000-0F00-000002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48640</xdr:colOff>
          <xdr:row>5</xdr:row>
          <xdr:rowOff>160020</xdr:rowOff>
        </xdr:from>
        <xdr:to>
          <xdr:col>4</xdr:col>
          <xdr:colOff>320040</xdr:colOff>
          <xdr:row>7</xdr:row>
          <xdr:rowOff>45720</xdr:rowOff>
        </xdr:to>
        <xdr:sp macro="" textlink="">
          <xdr:nvSpPr>
            <xdr:cNvPr id="59395" name="Check Box 3" hidden="1">
              <a:extLst>
                <a:ext uri="{63B3BB69-23CF-44E3-9099-C40C66FF867C}">
                  <a14:compatExt spid="_x0000_s59395"/>
                </a:ext>
                <a:ext uri="{FF2B5EF4-FFF2-40B4-BE49-F238E27FC236}">
                  <a16:creationId xmlns:a16="http://schemas.microsoft.com/office/drawing/2014/main" id="{00000000-0008-0000-0F00-000003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8620</xdr:colOff>
          <xdr:row>6</xdr:row>
          <xdr:rowOff>0</xdr:rowOff>
        </xdr:from>
        <xdr:to>
          <xdr:col>5</xdr:col>
          <xdr:colOff>53340</xdr:colOff>
          <xdr:row>7</xdr:row>
          <xdr:rowOff>30480</xdr:rowOff>
        </xdr:to>
        <xdr:sp macro="" textlink="">
          <xdr:nvSpPr>
            <xdr:cNvPr id="59396" name="Check Box 4" hidden="1">
              <a:extLst>
                <a:ext uri="{63B3BB69-23CF-44E3-9099-C40C66FF867C}">
                  <a14:compatExt spid="_x0000_s59396"/>
                </a:ext>
                <a:ext uri="{FF2B5EF4-FFF2-40B4-BE49-F238E27FC236}">
                  <a16:creationId xmlns:a16="http://schemas.microsoft.com/office/drawing/2014/main" id="{00000000-0008-0000-0F00-000004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41020</xdr:colOff>
          <xdr:row>6</xdr:row>
          <xdr:rowOff>182880</xdr:rowOff>
        </xdr:from>
        <xdr:to>
          <xdr:col>4</xdr:col>
          <xdr:colOff>312420</xdr:colOff>
          <xdr:row>8</xdr:row>
          <xdr:rowOff>53340</xdr:rowOff>
        </xdr:to>
        <xdr:sp macro="" textlink="">
          <xdr:nvSpPr>
            <xdr:cNvPr id="59397" name="Check Box 5" hidden="1">
              <a:extLst>
                <a:ext uri="{63B3BB69-23CF-44E3-9099-C40C66FF867C}">
                  <a14:compatExt spid="_x0000_s59397"/>
                </a:ext>
                <a:ext uri="{FF2B5EF4-FFF2-40B4-BE49-F238E27FC236}">
                  <a16:creationId xmlns:a16="http://schemas.microsoft.com/office/drawing/2014/main" id="{00000000-0008-0000-0F00-000005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0</xdr:colOff>
          <xdr:row>7</xdr:row>
          <xdr:rowOff>7620</xdr:rowOff>
        </xdr:from>
        <xdr:to>
          <xdr:col>5</xdr:col>
          <xdr:colOff>45720</xdr:colOff>
          <xdr:row>8</xdr:row>
          <xdr:rowOff>38100</xdr:rowOff>
        </xdr:to>
        <xdr:sp macro="" textlink="">
          <xdr:nvSpPr>
            <xdr:cNvPr id="59398" name="Check Box 6" hidden="1">
              <a:extLst>
                <a:ext uri="{63B3BB69-23CF-44E3-9099-C40C66FF867C}">
                  <a14:compatExt spid="_x0000_s59398"/>
                </a:ext>
                <a:ext uri="{FF2B5EF4-FFF2-40B4-BE49-F238E27FC236}">
                  <a16:creationId xmlns:a16="http://schemas.microsoft.com/office/drawing/2014/main" id="{00000000-0008-0000-0F00-000006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91440</xdr:colOff>
          <xdr:row>12</xdr:row>
          <xdr:rowOff>182880</xdr:rowOff>
        </xdr:from>
        <xdr:to>
          <xdr:col>6</xdr:col>
          <xdr:colOff>525780</xdr:colOff>
          <xdr:row>14</xdr:row>
          <xdr:rowOff>38100</xdr:rowOff>
        </xdr:to>
        <xdr:sp macro="" textlink="">
          <xdr:nvSpPr>
            <xdr:cNvPr id="61443" name="Check Box 3" hidden="1">
              <a:extLst>
                <a:ext uri="{63B3BB69-23CF-44E3-9099-C40C66FF867C}">
                  <a14:compatExt spid="_x0000_s61443"/>
                </a:ext>
                <a:ext uri="{FF2B5EF4-FFF2-40B4-BE49-F238E27FC236}">
                  <a16:creationId xmlns:a16="http://schemas.microsoft.com/office/drawing/2014/main" id="{00000000-0008-0000-1100-000003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3</xdr:row>
          <xdr:rowOff>0</xdr:rowOff>
        </xdr:from>
        <xdr:to>
          <xdr:col>7</xdr:col>
          <xdr:colOff>464820</xdr:colOff>
          <xdr:row>14</xdr:row>
          <xdr:rowOff>22860</xdr:rowOff>
        </xdr:to>
        <xdr:sp macro="" textlink="">
          <xdr:nvSpPr>
            <xdr:cNvPr id="61444" name="Check Box 4" hidden="1">
              <a:extLst>
                <a:ext uri="{63B3BB69-23CF-44E3-9099-C40C66FF867C}">
                  <a14:compatExt spid="_x0000_s61444"/>
                </a:ext>
                <a:ext uri="{FF2B5EF4-FFF2-40B4-BE49-F238E27FC236}">
                  <a16:creationId xmlns:a16="http://schemas.microsoft.com/office/drawing/2014/main" id="{00000000-0008-0000-1100-000004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13</xdr:row>
          <xdr:rowOff>182880</xdr:rowOff>
        </xdr:from>
        <xdr:to>
          <xdr:col>6</xdr:col>
          <xdr:colOff>525780</xdr:colOff>
          <xdr:row>15</xdr:row>
          <xdr:rowOff>38100</xdr:rowOff>
        </xdr:to>
        <xdr:sp macro="" textlink="">
          <xdr:nvSpPr>
            <xdr:cNvPr id="61445" name="Check Box 5" hidden="1">
              <a:extLst>
                <a:ext uri="{63B3BB69-23CF-44E3-9099-C40C66FF867C}">
                  <a14:compatExt spid="_x0000_s61445"/>
                </a:ext>
                <a:ext uri="{FF2B5EF4-FFF2-40B4-BE49-F238E27FC236}">
                  <a16:creationId xmlns:a16="http://schemas.microsoft.com/office/drawing/2014/main" id="{00000000-0008-0000-1100-000005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xdr:row>
          <xdr:rowOff>0</xdr:rowOff>
        </xdr:from>
        <xdr:to>
          <xdr:col>7</xdr:col>
          <xdr:colOff>464820</xdr:colOff>
          <xdr:row>15</xdr:row>
          <xdr:rowOff>22860</xdr:rowOff>
        </xdr:to>
        <xdr:sp macro="" textlink="">
          <xdr:nvSpPr>
            <xdr:cNvPr id="61446" name="Check Box 6" hidden="1">
              <a:extLst>
                <a:ext uri="{63B3BB69-23CF-44E3-9099-C40C66FF867C}">
                  <a14:compatExt spid="_x0000_s61446"/>
                </a:ext>
                <a:ext uri="{FF2B5EF4-FFF2-40B4-BE49-F238E27FC236}">
                  <a16:creationId xmlns:a16="http://schemas.microsoft.com/office/drawing/2014/main" id="{00000000-0008-0000-1100-000006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14</xdr:row>
          <xdr:rowOff>175260</xdr:rowOff>
        </xdr:from>
        <xdr:to>
          <xdr:col>8</xdr:col>
          <xdr:colOff>198120</xdr:colOff>
          <xdr:row>16</xdr:row>
          <xdr:rowOff>30480</xdr:rowOff>
        </xdr:to>
        <xdr:sp macro="" textlink="">
          <xdr:nvSpPr>
            <xdr:cNvPr id="61447" name="Check Box 7" hidden="1">
              <a:extLst>
                <a:ext uri="{63B3BB69-23CF-44E3-9099-C40C66FF867C}">
                  <a14:compatExt spid="_x0000_s61447"/>
                </a:ext>
                <a:ext uri="{FF2B5EF4-FFF2-40B4-BE49-F238E27FC236}">
                  <a16:creationId xmlns:a16="http://schemas.microsoft.com/office/drawing/2014/main" id="{00000000-0008-0000-1100-000007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毎日変化している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75260</xdr:colOff>
          <xdr:row>14</xdr:row>
          <xdr:rowOff>190500</xdr:rowOff>
        </xdr:from>
        <xdr:to>
          <xdr:col>10</xdr:col>
          <xdr:colOff>289560</xdr:colOff>
          <xdr:row>16</xdr:row>
          <xdr:rowOff>22860</xdr:rowOff>
        </xdr:to>
        <xdr:sp macro="" textlink="">
          <xdr:nvSpPr>
            <xdr:cNvPr id="61448" name="Check Box 8" hidden="1">
              <a:extLst>
                <a:ext uri="{63B3BB69-23CF-44E3-9099-C40C66FF867C}">
                  <a14:compatExt spid="_x0000_s61448"/>
                </a:ext>
                <a:ext uri="{FF2B5EF4-FFF2-40B4-BE49-F238E27FC236}">
                  <a16:creationId xmlns:a16="http://schemas.microsoft.com/office/drawing/2014/main" id="{00000000-0008-0000-1100-000008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毎日変化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7</xdr:row>
          <xdr:rowOff>137160</xdr:rowOff>
        </xdr:from>
        <xdr:to>
          <xdr:col>8</xdr:col>
          <xdr:colOff>190500</xdr:colOff>
          <xdr:row>19</xdr:row>
          <xdr:rowOff>38100</xdr:rowOff>
        </xdr:to>
        <xdr:sp macro="" textlink="">
          <xdr:nvSpPr>
            <xdr:cNvPr id="61449" name="Check Box 9" hidden="1">
              <a:extLst>
                <a:ext uri="{63B3BB69-23CF-44E3-9099-C40C66FF867C}">
                  <a14:compatExt spid="_x0000_s61449"/>
                </a:ext>
                <a:ext uri="{FF2B5EF4-FFF2-40B4-BE49-F238E27FC236}">
                  <a16:creationId xmlns:a16="http://schemas.microsoft.com/office/drawing/2014/main" id="{00000000-0008-0000-1100-000009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67640</xdr:colOff>
          <xdr:row>17</xdr:row>
          <xdr:rowOff>152400</xdr:rowOff>
        </xdr:from>
        <xdr:to>
          <xdr:col>10</xdr:col>
          <xdr:colOff>281940</xdr:colOff>
          <xdr:row>19</xdr:row>
          <xdr:rowOff>30480</xdr:rowOff>
        </xdr:to>
        <xdr:sp macro="" textlink="">
          <xdr:nvSpPr>
            <xdr:cNvPr id="61450" name="Check Box 10" hidden="1">
              <a:extLst>
                <a:ext uri="{63B3BB69-23CF-44E3-9099-C40C66FF867C}">
                  <a14:compatExt spid="_x0000_s61450"/>
                </a:ext>
                <a:ext uri="{FF2B5EF4-FFF2-40B4-BE49-F238E27FC236}">
                  <a16:creationId xmlns:a16="http://schemas.microsoft.com/office/drawing/2014/main" id="{00000000-0008-0000-1100-00000A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8</xdr:row>
          <xdr:rowOff>175260</xdr:rowOff>
        </xdr:from>
        <xdr:to>
          <xdr:col>8</xdr:col>
          <xdr:colOff>190500</xdr:colOff>
          <xdr:row>20</xdr:row>
          <xdr:rowOff>30480</xdr:rowOff>
        </xdr:to>
        <xdr:sp macro="" textlink="">
          <xdr:nvSpPr>
            <xdr:cNvPr id="61451" name="Check Box 11" hidden="1">
              <a:extLst>
                <a:ext uri="{63B3BB69-23CF-44E3-9099-C40C66FF867C}">
                  <a14:compatExt spid="_x0000_s61451"/>
                </a:ext>
                <a:ext uri="{FF2B5EF4-FFF2-40B4-BE49-F238E27FC236}">
                  <a16:creationId xmlns:a16="http://schemas.microsoft.com/office/drawing/2014/main" id="{00000000-0008-0000-1100-00000B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達している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67640</xdr:colOff>
          <xdr:row>18</xdr:row>
          <xdr:rowOff>190500</xdr:rowOff>
        </xdr:from>
        <xdr:to>
          <xdr:col>10</xdr:col>
          <xdr:colOff>281940</xdr:colOff>
          <xdr:row>20</xdr:row>
          <xdr:rowOff>22860</xdr:rowOff>
        </xdr:to>
        <xdr:sp macro="" textlink="">
          <xdr:nvSpPr>
            <xdr:cNvPr id="61452" name="Check Box 12" hidden="1">
              <a:extLst>
                <a:ext uri="{63B3BB69-23CF-44E3-9099-C40C66FF867C}">
                  <a14:compatExt spid="_x0000_s61452"/>
                </a:ext>
                <a:ext uri="{FF2B5EF4-FFF2-40B4-BE49-F238E27FC236}">
                  <a16:creationId xmlns:a16="http://schemas.microsoft.com/office/drawing/2014/main" id="{00000000-0008-0000-1100-00000C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達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42</xdr:row>
          <xdr:rowOff>30480</xdr:rowOff>
        </xdr:from>
        <xdr:to>
          <xdr:col>5</xdr:col>
          <xdr:colOff>434340</xdr:colOff>
          <xdr:row>43</xdr:row>
          <xdr:rowOff>45720</xdr:rowOff>
        </xdr:to>
        <xdr:sp macro="" textlink="">
          <xdr:nvSpPr>
            <xdr:cNvPr id="61453" name="Check Box 13" hidden="1">
              <a:extLst>
                <a:ext uri="{63B3BB69-23CF-44E3-9099-C40C66FF867C}">
                  <a14:compatExt spid="_x0000_s61453"/>
                </a:ext>
                <a:ext uri="{FF2B5EF4-FFF2-40B4-BE49-F238E27FC236}">
                  <a16:creationId xmlns:a16="http://schemas.microsoft.com/office/drawing/2014/main" id="{00000000-0008-0000-1100-00000D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02920</xdr:colOff>
          <xdr:row>42</xdr:row>
          <xdr:rowOff>53340</xdr:rowOff>
        </xdr:from>
        <xdr:to>
          <xdr:col>6</xdr:col>
          <xdr:colOff>373380</xdr:colOff>
          <xdr:row>43</xdr:row>
          <xdr:rowOff>30480</xdr:rowOff>
        </xdr:to>
        <xdr:sp macro="" textlink="">
          <xdr:nvSpPr>
            <xdr:cNvPr id="61454" name="Check Box 14" hidden="1">
              <a:extLst>
                <a:ext uri="{63B3BB69-23CF-44E3-9099-C40C66FF867C}">
                  <a14:compatExt spid="_x0000_s61454"/>
                </a:ext>
                <a:ext uri="{FF2B5EF4-FFF2-40B4-BE49-F238E27FC236}">
                  <a16:creationId xmlns:a16="http://schemas.microsoft.com/office/drawing/2014/main" id="{00000000-0008-0000-1100-00000EF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38100</xdr:colOff>
          <xdr:row>4</xdr:row>
          <xdr:rowOff>259080</xdr:rowOff>
        </xdr:from>
        <xdr:to>
          <xdr:col>2</xdr:col>
          <xdr:colOff>640080</xdr:colOff>
          <xdr:row>6</xdr:row>
          <xdr:rowOff>45720</xdr:rowOff>
        </xdr:to>
        <xdr:sp macro="" textlink="">
          <xdr:nvSpPr>
            <xdr:cNvPr id="62465" name="Check Box 1" hidden="1">
              <a:extLst>
                <a:ext uri="{63B3BB69-23CF-44E3-9099-C40C66FF867C}">
                  <a14:compatExt spid="_x0000_s62465"/>
                </a:ext>
                <a:ext uri="{FF2B5EF4-FFF2-40B4-BE49-F238E27FC236}">
                  <a16:creationId xmlns:a16="http://schemas.microsoft.com/office/drawing/2014/main" id="{00000000-0008-0000-1200-000001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40080</xdr:colOff>
          <xdr:row>4</xdr:row>
          <xdr:rowOff>266700</xdr:rowOff>
        </xdr:from>
        <xdr:to>
          <xdr:col>3</xdr:col>
          <xdr:colOff>617220</xdr:colOff>
          <xdr:row>6</xdr:row>
          <xdr:rowOff>60960</xdr:rowOff>
        </xdr:to>
        <xdr:sp macro="" textlink="">
          <xdr:nvSpPr>
            <xdr:cNvPr id="62466" name="Check Box 2" hidden="1">
              <a:extLst>
                <a:ext uri="{63B3BB69-23CF-44E3-9099-C40C66FF867C}">
                  <a14:compatExt spid="_x0000_s62466"/>
                </a:ext>
                <a:ext uri="{FF2B5EF4-FFF2-40B4-BE49-F238E27FC236}">
                  <a16:creationId xmlns:a16="http://schemas.microsoft.com/office/drawing/2014/main" id="{00000000-0008-0000-1200-000002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xdr:row>
          <xdr:rowOff>274320</xdr:rowOff>
        </xdr:from>
        <xdr:to>
          <xdr:col>4</xdr:col>
          <xdr:colOff>541020</xdr:colOff>
          <xdr:row>6</xdr:row>
          <xdr:rowOff>60960</xdr:rowOff>
        </xdr:to>
        <xdr:sp macro="" textlink="">
          <xdr:nvSpPr>
            <xdr:cNvPr id="62467" name="Check Box 3" hidden="1">
              <a:extLst>
                <a:ext uri="{63B3BB69-23CF-44E3-9099-C40C66FF867C}">
                  <a14:compatExt spid="_x0000_s62467"/>
                </a:ext>
                <a:ext uri="{FF2B5EF4-FFF2-40B4-BE49-F238E27FC236}">
                  <a16:creationId xmlns:a16="http://schemas.microsoft.com/office/drawing/2014/main" id="{00000000-0008-0000-1200-000003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24840</xdr:colOff>
          <xdr:row>4</xdr:row>
          <xdr:rowOff>266700</xdr:rowOff>
        </xdr:from>
        <xdr:to>
          <xdr:col>6</xdr:col>
          <xdr:colOff>91440</xdr:colOff>
          <xdr:row>6</xdr:row>
          <xdr:rowOff>60960</xdr:rowOff>
        </xdr:to>
        <xdr:sp macro="" textlink="">
          <xdr:nvSpPr>
            <xdr:cNvPr id="62468" name="Check Box 4" hidden="1">
              <a:extLst>
                <a:ext uri="{63B3BB69-23CF-44E3-9099-C40C66FF867C}">
                  <a14:compatExt spid="_x0000_s62468"/>
                </a:ext>
                <a:ext uri="{FF2B5EF4-FFF2-40B4-BE49-F238E27FC236}">
                  <a16:creationId xmlns:a16="http://schemas.microsoft.com/office/drawing/2014/main" id="{00000000-0008-0000-1200-000004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4</xdr:row>
          <xdr:rowOff>266700</xdr:rowOff>
        </xdr:from>
        <xdr:to>
          <xdr:col>7</xdr:col>
          <xdr:colOff>60960</xdr:colOff>
          <xdr:row>6</xdr:row>
          <xdr:rowOff>60960</xdr:rowOff>
        </xdr:to>
        <xdr:sp macro="" textlink="">
          <xdr:nvSpPr>
            <xdr:cNvPr id="62469" name="Check Box 5" hidden="1">
              <a:extLst>
                <a:ext uri="{63B3BB69-23CF-44E3-9099-C40C66FF867C}">
                  <a14:compatExt spid="_x0000_s62469"/>
                </a:ext>
                <a:ext uri="{FF2B5EF4-FFF2-40B4-BE49-F238E27FC236}">
                  <a16:creationId xmlns:a16="http://schemas.microsoft.com/office/drawing/2014/main" id="{00000000-0008-0000-1200-000005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38100</xdr:colOff>
          <xdr:row>12</xdr:row>
          <xdr:rowOff>259080</xdr:rowOff>
        </xdr:from>
        <xdr:to>
          <xdr:col>2</xdr:col>
          <xdr:colOff>640080</xdr:colOff>
          <xdr:row>14</xdr:row>
          <xdr:rowOff>45720</xdr:rowOff>
        </xdr:to>
        <xdr:sp macro="" textlink="">
          <xdr:nvSpPr>
            <xdr:cNvPr id="62470" name="Check Box 6" hidden="1">
              <a:extLst>
                <a:ext uri="{63B3BB69-23CF-44E3-9099-C40C66FF867C}">
                  <a14:compatExt spid="_x0000_s62470"/>
                </a:ext>
                <a:ext uri="{FF2B5EF4-FFF2-40B4-BE49-F238E27FC236}">
                  <a16:creationId xmlns:a16="http://schemas.microsoft.com/office/drawing/2014/main" id="{00000000-0008-0000-1200-000006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40080</xdr:colOff>
          <xdr:row>12</xdr:row>
          <xdr:rowOff>266700</xdr:rowOff>
        </xdr:from>
        <xdr:to>
          <xdr:col>3</xdr:col>
          <xdr:colOff>617220</xdr:colOff>
          <xdr:row>14</xdr:row>
          <xdr:rowOff>60960</xdr:rowOff>
        </xdr:to>
        <xdr:sp macro="" textlink="">
          <xdr:nvSpPr>
            <xdr:cNvPr id="62471" name="Check Box 7" hidden="1">
              <a:extLst>
                <a:ext uri="{63B3BB69-23CF-44E3-9099-C40C66FF867C}">
                  <a14:compatExt spid="_x0000_s62471"/>
                </a:ext>
                <a:ext uri="{FF2B5EF4-FFF2-40B4-BE49-F238E27FC236}">
                  <a16:creationId xmlns:a16="http://schemas.microsoft.com/office/drawing/2014/main" id="{00000000-0008-0000-1200-000007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xdr:row>
          <xdr:rowOff>274320</xdr:rowOff>
        </xdr:from>
        <xdr:to>
          <xdr:col>4</xdr:col>
          <xdr:colOff>541020</xdr:colOff>
          <xdr:row>14</xdr:row>
          <xdr:rowOff>60960</xdr:rowOff>
        </xdr:to>
        <xdr:sp macro="" textlink="">
          <xdr:nvSpPr>
            <xdr:cNvPr id="62472" name="Check Box 8" hidden="1">
              <a:extLst>
                <a:ext uri="{63B3BB69-23CF-44E3-9099-C40C66FF867C}">
                  <a14:compatExt spid="_x0000_s62472"/>
                </a:ext>
                <a:ext uri="{FF2B5EF4-FFF2-40B4-BE49-F238E27FC236}">
                  <a16:creationId xmlns:a16="http://schemas.microsoft.com/office/drawing/2014/main" id="{00000000-0008-0000-1200-000008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24840</xdr:colOff>
          <xdr:row>12</xdr:row>
          <xdr:rowOff>266700</xdr:rowOff>
        </xdr:from>
        <xdr:to>
          <xdr:col>6</xdr:col>
          <xdr:colOff>91440</xdr:colOff>
          <xdr:row>14</xdr:row>
          <xdr:rowOff>60960</xdr:rowOff>
        </xdr:to>
        <xdr:sp macro="" textlink="">
          <xdr:nvSpPr>
            <xdr:cNvPr id="62473" name="Check Box 9" hidden="1">
              <a:extLst>
                <a:ext uri="{63B3BB69-23CF-44E3-9099-C40C66FF867C}">
                  <a14:compatExt spid="_x0000_s62473"/>
                </a:ext>
                <a:ext uri="{FF2B5EF4-FFF2-40B4-BE49-F238E27FC236}">
                  <a16:creationId xmlns:a16="http://schemas.microsoft.com/office/drawing/2014/main" id="{00000000-0008-0000-1200-000009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12</xdr:row>
          <xdr:rowOff>266700</xdr:rowOff>
        </xdr:from>
        <xdr:to>
          <xdr:col>7</xdr:col>
          <xdr:colOff>60960</xdr:colOff>
          <xdr:row>14</xdr:row>
          <xdr:rowOff>60960</xdr:rowOff>
        </xdr:to>
        <xdr:sp macro="" textlink="">
          <xdr:nvSpPr>
            <xdr:cNvPr id="62474" name="Check Box 10" hidden="1">
              <a:extLst>
                <a:ext uri="{63B3BB69-23CF-44E3-9099-C40C66FF867C}">
                  <a14:compatExt spid="_x0000_s62474"/>
                </a:ext>
                <a:ext uri="{FF2B5EF4-FFF2-40B4-BE49-F238E27FC236}">
                  <a16:creationId xmlns:a16="http://schemas.microsoft.com/office/drawing/2014/main" id="{00000000-0008-0000-1200-00000A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50520</xdr:colOff>
          <xdr:row>28</xdr:row>
          <xdr:rowOff>22860</xdr:rowOff>
        </xdr:from>
        <xdr:to>
          <xdr:col>2</xdr:col>
          <xdr:colOff>106680</xdr:colOff>
          <xdr:row>29</xdr:row>
          <xdr:rowOff>0</xdr:rowOff>
        </xdr:to>
        <xdr:sp macro="" textlink="">
          <xdr:nvSpPr>
            <xdr:cNvPr id="62476" name="Check Box 12" hidden="1">
              <a:extLst>
                <a:ext uri="{63B3BB69-23CF-44E3-9099-C40C66FF867C}">
                  <a14:compatExt spid="_x0000_s62476"/>
                </a:ext>
                <a:ext uri="{FF2B5EF4-FFF2-40B4-BE49-F238E27FC236}">
                  <a16:creationId xmlns:a16="http://schemas.microsoft.com/office/drawing/2014/main" id="{00000000-0008-0000-1200-00000C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82880</xdr:colOff>
          <xdr:row>28</xdr:row>
          <xdr:rowOff>7620</xdr:rowOff>
        </xdr:from>
        <xdr:to>
          <xdr:col>1</xdr:col>
          <xdr:colOff>434340</xdr:colOff>
          <xdr:row>29</xdr:row>
          <xdr:rowOff>15240</xdr:rowOff>
        </xdr:to>
        <xdr:sp macro="" textlink="">
          <xdr:nvSpPr>
            <xdr:cNvPr id="62477" name="Check Box 13" hidden="1">
              <a:extLst>
                <a:ext uri="{63B3BB69-23CF-44E3-9099-C40C66FF867C}">
                  <a14:compatExt spid="_x0000_s62477"/>
                </a:ext>
                <a:ext uri="{FF2B5EF4-FFF2-40B4-BE49-F238E27FC236}">
                  <a16:creationId xmlns:a16="http://schemas.microsoft.com/office/drawing/2014/main" id="{00000000-0008-0000-1200-00000D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1440</xdr:colOff>
          <xdr:row>23</xdr:row>
          <xdr:rowOff>15240</xdr:rowOff>
        </xdr:from>
        <xdr:to>
          <xdr:col>9</xdr:col>
          <xdr:colOff>518160</xdr:colOff>
          <xdr:row>23</xdr:row>
          <xdr:rowOff>243840</xdr:rowOff>
        </xdr:to>
        <xdr:sp macro="" textlink="">
          <xdr:nvSpPr>
            <xdr:cNvPr id="62478" name="Check Box 14" hidden="1">
              <a:extLst>
                <a:ext uri="{63B3BB69-23CF-44E3-9099-C40C66FF867C}">
                  <a14:compatExt spid="_x0000_s62478"/>
                </a:ext>
                <a:ext uri="{FF2B5EF4-FFF2-40B4-BE49-F238E27FC236}">
                  <a16:creationId xmlns:a16="http://schemas.microsoft.com/office/drawing/2014/main" id="{00000000-0008-0000-1200-00000E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22</xdr:row>
          <xdr:rowOff>243840</xdr:rowOff>
        </xdr:from>
        <xdr:to>
          <xdr:col>9</xdr:col>
          <xdr:colOff>22860</xdr:colOff>
          <xdr:row>24</xdr:row>
          <xdr:rowOff>0</xdr:rowOff>
        </xdr:to>
        <xdr:sp macro="" textlink="">
          <xdr:nvSpPr>
            <xdr:cNvPr id="62479" name="Check Box 15" hidden="1">
              <a:extLst>
                <a:ext uri="{63B3BB69-23CF-44E3-9099-C40C66FF867C}">
                  <a14:compatExt spid="_x0000_s62479"/>
                </a:ext>
                <a:ext uri="{FF2B5EF4-FFF2-40B4-BE49-F238E27FC236}">
                  <a16:creationId xmlns:a16="http://schemas.microsoft.com/office/drawing/2014/main" id="{00000000-0008-0000-1200-00000F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05740</xdr:colOff>
          <xdr:row>35</xdr:row>
          <xdr:rowOff>495300</xdr:rowOff>
        </xdr:from>
        <xdr:to>
          <xdr:col>6</xdr:col>
          <xdr:colOff>0</xdr:colOff>
          <xdr:row>37</xdr:row>
          <xdr:rowOff>30480</xdr:rowOff>
        </xdr:to>
        <xdr:sp macro="" textlink="">
          <xdr:nvSpPr>
            <xdr:cNvPr id="62481" name="Check Box 17" hidden="1">
              <a:extLst>
                <a:ext uri="{63B3BB69-23CF-44E3-9099-C40C66FF867C}">
                  <a14:compatExt spid="_x0000_s62481"/>
                </a:ext>
                <a:ext uri="{FF2B5EF4-FFF2-40B4-BE49-F238E27FC236}">
                  <a16:creationId xmlns:a16="http://schemas.microsoft.com/office/drawing/2014/main" id="{00000000-0008-0000-1200-000011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0480</xdr:colOff>
          <xdr:row>35</xdr:row>
          <xdr:rowOff>518160</xdr:rowOff>
        </xdr:from>
        <xdr:to>
          <xdr:col>9</xdr:col>
          <xdr:colOff>449580</xdr:colOff>
          <xdr:row>37</xdr:row>
          <xdr:rowOff>15240</xdr:rowOff>
        </xdr:to>
        <xdr:sp macro="" textlink="">
          <xdr:nvSpPr>
            <xdr:cNvPr id="62482" name="Check Box 18" hidden="1">
              <a:extLst>
                <a:ext uri="{63B3BB69-23CF-44E3-9099-C40C66FF867C}">
                  <a14:compatExt spid="_x0000_s62482"/>
                </a:ext>
                <a:ext uri="{FF2B5EF4-FFF2-40B4-BE49-F238E27FC236}">
                  <a16:creationId xmlns:a16="http://schemas.microsoft.com/office/drawing/2014/main" id="{00000000-0008-0000-1200-000012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97180</xdr:colOff>
          <xdr:row>37</xdr:row>
          <xdr:rowOff>190500</xdr:rowOff>
        </xdr:from>
        <xdr:to>
          <xdr:col>9</xdr:col>
          <xdr:colOff>68580</xdr:colOff>
          <xdr:row>39</xdr:row>
          <xdr:rowOff>22860</xdr:rowOff>
        </xdr:to>
        <xdr:sp macro="" textlink="">
          <xdr:nvSpPr>
            <xdr:cNvPr id="62483" name="Check Box 19" hidden="1">
              <a:extLst>
                <a:ext uri="{63B3BB69-23CF-44E3-9099-C40C66FF867C}">
                  <a14:compatExt spid="_x0000_s62483"/>
                </a:ext>
                <a:ext uri="{FF2B5EF4-FFF2-40B4-BE49-F238E27FC236}">
                  <a16:creationId xmlns:a16="http://schemas.microsoft.com/office/drawing/2014/main" id="{00000000-0008-0000-1200-000013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87680</xdr:colOff>
          <xdr:row>37</xdr:row>
          <xdr:rowOff>167640</xdr:rowOff>
        </xdr:from>
        <xdr:to>
          <xdr:col>8</xdr:col>
          <xdr:colOff>281940</xdr:colOff>
          <xdr:row>39</xdr:row>
          <xdr:rowOff>38100</xdr:rowOff>
        </xdr:to>
        <xdr:sp macro="" textlink="">
          <xdr:nvSpPr>
            <xdr:cNvPr id="62484" name="Check Box 20" hidden="1">
              <a:extLst>
                <a:ext uri="{63B3BB69-23CF-44E3-9099-C40C66FF867C}">
                  <a14:compatExt spid="_x0000_s62484"/>
                </a:ext>
                <a:ext uri="{FF2B5EF4-FFF2-40B4-BE49-F238E27FC236}">
                  <a16:creationId xmlns:a16="http://schemas.microsoft.com/office/drawing/2014/main" id="{00000000-0008-0000-1200-000014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97180</xdr:colOff>
          <xdr:row>38</xdr:row>
          <xdr:rowOff>190500</xdr:rowOff>
        </xdr:from>
        <xdr:to>
          <xdr:col>9</xdr:col>
          <xdr:colOff>68580</xdr:colOff>
          <xdr:row>40</xdr:row>
          <xdr:rowOff>22860</xdr:rowOff>
        </xdr:to>
        <xdr:sp macro="" textlink="">
          <xdr:nvSpPr>
            <xdr:cNvPr id="62485" name="Check Box 21" hidden="1">
              <a:extLst>
                <a:ext uri="{63B3BB69-23CF-44E3-9099-C40C66FF867C}">
                  <a14:compatExt spid="_x0000_s62485"/>
                </a:ext>
                <a:ext uri="{FF2B5EF4-FFF2-40B4-BE49-F238E27FC236}">
                  <a16:creationId xmlns:a16="http://schemas.microsoft.com/office/drawing/2014/main" id="{00000000-0008-0000-1200-000015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87680</xdr:colOff>
          <xdr:row>38</xdr:row>
          <xdr:rowOff>167640</xdr:rowOff>
        </xdr:from>
        <xdr:to>
          <xdr:col>8</xdr:col>
          <xdr:colOff>281940</xdr:colOff>
          <xdr:row>40</xdr:row>
          <xdr:rowOff>38100</xdr:rowOff>
        </xdr:to>
        <xdr:sp macro="" textlink="">
          <xdr:nvSpPr>
            <xdr:cNvPr id="62486" name="Check Box 22" hidden="1">
              <a:extLst>
                <a:ext uri="{63B3BB69-23CF-44E3-9099-C40C66FF867C}">
                  <a14:compatExt spid="_x0000_s62486"/>
                </a:ext>
                <a:ext uri="{FF2B5EF4-FFF2-40B4-BE49-F238E27FC236}">
                  <a16:creationId xmlns:a16="http://schemas.microsoft.com/office/drawing/2014/main" id="{00000000-0008-0000-1200-000016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50520</xdr:colOff>
          <xdr:row>39</xdr:row>
          <xdr:rowOff>182880</xdr:rowOff>
        </xdr:from>
        <xdr:to>
          <xdr:col>8</xdr:col>
          <xdr:colOff>381000</xdr:colOff>
          <xdr:row>41</xdr:row>
          <xdr:rowOff>0</xdr:rowOff>
        </xdr:to>
        <xdr:sp macro="" textlink="">
          <xdr:nvSpPr>
            <xdr:cNvPr id="62487" name="Check Box 23" hidden="1">
              <a:extLst>
                <a:ext uri="{63B3BB69-23CF-44E3-9099-C40C66FF867C}">
                  <a14:compatExt spid="_x0000_s62487"/>
                </a:ext>
                <a:ext uri="{FF2B5EF4-FFF2-40B4-BE49-F238E27FC236}">
                  <a16:creationId xmlns:a16="http://schemas.microsoft.com/office/drawing/2014/main" id="{00000000-0008-0000-1200-000017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9600</xdr:colOff>
          <xdr:row>39</xdr:row>
          <xdr:rowOff>182880</xdr:rowOff>
        </xdr:from>
        <xdr:to>
          <xdr:col>6</xdr:col>
          <xdr:colOff>403860</xdr:colOff>
          <xdr:row>41</xdr:row>
          <xdr:rowOff>0</xdr:rowOff>
        </xdr:to>
        <xdr:sp macro="" textlink="">
          <xdr:nvSpPr>
            <xdr:cNvPr id="62488" name="Check Box 24" hidden="1">
              <a:extLst>
                <a:ext uri="{63B3BB69-23CF-44E3-9099-C40C66FF867C}">
                  <a14:compatExt spid="_x0000_s62488"/>
                </a:ext>
                <a:ext uri="{FF2B5EF4-FFF2-40B4-BE49-F238E27FC236}">
                  <a16:creationId xmlns:a16="http://schemas.microsoft.com/office/drawing/2014/main" id="{00000000-0008-0000-1200-000018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3</xdr:row>
          <xdr:rowOff>182880</xdr:rowOff>
        </xdr:from>
        <xdr:to>
          <xdr:col>6</xdr:col>
          <xdr:colOff>502920</xdr:colOff>
          <xdr:row>35</xdr:row>
          <xdr:rowOff>45720</xdr:rowOff>
        </xdr:to>
        <xdr:sp macro="" textlink="">
          <xdr:nvSpPr>
            <xdr:cNvPr id="62489" name="Check Box 25" hidden="1">
              <a:extLst>
                <a:ext uri="{63B3BB69-23CF-44E3-9099-C40C66FF867C}">
                  <a14:compatExt spid="_x0000_s62489"/>
                </a:ext>
                <a:ext uri="{FF2B5EF4-FFF2-40B4-BE49-F238E27FC236}">
                  <a16:creationId xmlns:a16="http://schemas.microsoft.com/office/drawing/2014/main" id="{00000000-0008-0000-1200-000019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13360</xdr:colOff>
          <xdr:row>33</xdr:row>
          <xdr:rowOff>160020</xdr:rowOff>
        </xdr:from>
        <xdr:to>
          <xdr:col>6</xdr:col>
          <xdr:colOff>7620</xdr:colOff>
          <xdr:row>35</xdr:row>
          <xdr:rowOff>68580</xdr:rowOff>
        </xdr:to>
        <xdr:sp macro="" textlink="">
          <xdr:nvSpPr>
            <xdr:cNvPr id="62490" name="Check Box 26" hidden="1">
              <a:extLst>
                <a:ext uri="{63B3BB69-23CF-44E3-9099-C40C66FF867C}">
                  <a14:compatExt spid="_x0000_s62490"/>
                </a:ext>
                <a:ext uri="{FF2B5EF4-FFF2-40B4-BE49-F238E27FC236}">
                  <a16:creationId xmlns:a16="http://schemas.microsoft.com/office/drawing/2014/main" id="{00000000-0008-0000-1200-00001A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1440</xdr:colOff>
          <xdr:row>43</xdr:row>
          <xdr:rowOff>7620</xdr:rowOff>
        </xdr:from>
        <xdr:to>
          <xdr:col>4</xdr:col>
          <xdr:colOff>510540</xdr:colOff>
          <xdr:row>43</xdr:row>
          <xdr:rowOff>236220</xdr:rowOff>
        </xdr:to>
        <xdr:sp macro="" textlink="">
          <xdr:nvSpPr>
            <xdr:cNvPr id="62491" name="Check Box 27" hidden="1">
              <a:extLst>
                <a:ext uri="{63B3BB69-23CF-44E3-9099-C40C66FF867C}">
                  <a14:compatExt spid="_x0000_s62491"/>
                </a:ext>
                <a:ext uri="{FF2B5EF4-FFF2-40B4-BE49-F238E27FC236}">
                  <a16:creationId xmlns:a16="http://schemas.microsoft.com/office/drawing/2014/main" id="{00000000-0008-0000-1200-00001B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0980</xdr:colOff>
          <xdr:row>42</xdr:row>
          <xdr:rowOff>228600</xdr:rowOff>
        </xdr:from>
        <xdr:to>
          <xdr:col>4</xdr:col>
          <xdr:colOff>15240</xdr:colOff>
          <xdr:row>44</xdr:row>
          <xdr:rowOff>7620</xdr:rowOff>
        </xdr:to>
        <xdr:sp macro="" textlink="">
          <xdr:nvSpPr>
            <xdr:cNvPr id="62492" name="Check Box 28" hidden="1">
              <a:extLst>
                <a:ext uri="{63B3BB69-23CF-44E3-9099-C40C66FF867C}">
                  <a14:compatExt spid="_x0000_s62492"/>
                </a:ext>
                <a:ext uri="{FF2B5EF4-FFF2-40B4-BE49-F238E27FC236}">
                  <a16:creationId xmlns:a16="http://schemas.microsoft.com/office/drawing/2014/main" id="{00000000-0008-0000-1200-00001C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45</xdr:row>
          <xdr:rowOff>15240</xdr:rowOff>
        </xdr:from>
        <xdr:to>
          <xdr:col>4</xdr:col>
          <xdr:colOff>495300</xdr:colOff>
          <xdr:row>45</xdr:row>
          <xdr:rowOff>243840</xdr:rowOff>
        </xdr:to>
        <xdr:sp macro="" textlink="">
          <xdr:nvSpPr>
            <xdr:cNvPr id="62493" name="Check Box 29" hidden="1">
              <a:extLst>
                <a:ext uri="{63B3BB69-23CF-44E3-9099-C40C66FF867C}">
                  <a14:compatExt spid="_x0000_s62493"/>
                </a:ext>
                <a:ext uri="{FF2B5EF4-FFF2-40B4-BE49-F238E27FC236}">
                  <a16:creationId xmlns:a16="http://schemas.microsoft.com/office/drawing/2014/main" id="{00000000-0008-0000-1200-00001D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05740</xdr:colOff>
          <xdr:row>44</xdr:row>
          <xdr:rowOff>243840</xdr:rowOff>
        </xdr:from>
        <xdr:to>
          <xdr:col>4</xdr:col>
          <xdr:colOff>0</xdr:colOff>
          <xdr:row>46</xdr:row>
          <xdr:rowOff>15240</xdr:rowOff>
        </xdr:to>
        <xdr:sp macro="" textlink="">
          <xdr:nvSpPr>
            <xdr:cNvPr id="62494" name="Check Box 30" hidden="1">
              <a:extLst>
                <a:ext uri="{63B3BB69-23CF-44E3-9099-C40C66FF867C}">
                  <a14:compatExt spid="_x0000_s62494"/>
                </a:ext>
                <a:ext uri="{FF2B5EF4-FFF2-40B4-BE49-F238E27FC236}">
                  <a16:creationId xmlns:a16="http://schemas.microsoft.com/office/drawing/2014/main" id="{00000000-0008-0000-1200-00001E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662940</xdr:colOff>
          <xdr:row>31</xdr:row>
          <xdr:rowOff>76200</xdr:rowOff>
        </xdr:from>
        <xdr:to>
          <xdr:col>5</xdr:col>
          <xdr:colOff>358140</xdr:colOff>
          <xdr:row>32</xdr:row>
          <xdr:rowOff>114300</xdr:rowOff>
        </xdr:to>
        <xdr:sp macro="" textlink="">
          <xdr:nvSpPr>
            <xdr:cNvPr id="63490" name="Check Box 2" hidden="1">
              <a:extLst>
                <a:ext uri="{63B3BB69-23CF-44E3-9099-C40C66FF867C}">
                  <a14:compatExt spid="_x0000_s63490"/>
                </a:ext>
                <a:ext uri="{FF2B5EF4-FFF2-40B4-BE49-F238E27FC236}">
                  <a16:creationId xmlns:a16="http://schemas.microsoft.com/office/drawing/2014/main" id="{00000000-0008-0000-1400-000002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52400</xdr:colOff>
          <xdr:row>31</xdr:row>
          <xdr:rowOff>53340</xdr:rowOff>
        </xdr:from>
        <xdr:to>
          <xdr:col>4</xdr:col>
          <xdr:colOff>548640</xdr:colOff>
          <xdr:row>32</xdr:row>
          <xdr:rowOff>121920</xdr:rowOff>
        </xdr:to>
        <xdr:sp macro="" textlink="">
          <xdr:nvSpPr>
            <xdr:cNvPr id="63491" name="Check Box 3" hidden="1">
              <a:extLst>
                <a:ext uri="{63B3BB69-23CF-44E3-9099-C40C66FF867C}">
                  <a14:compatExt spid="_x0000_s63491"/>
                </a:ext>
                <a:ext uri="{FF2B5EF4-FFF2-40B4-BE49-F238E27FC236}">
                  <a16:creationId xmlns:a16="http://schemas.microsoft.com/office/drawing/2014/main" id="{00000000-0008-0000-1400-000003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60020</xdr:colOff>
          <xdr:row>34</xdr:row>
          <xdr:rowOff>160020</xdr:rowOff>
        </xdr:from>
        <xdr:to>
          <xdr:col>2</xdr:col>
          <xdr:colOff>601980</xdr:colOff>
          <xdr:row>36</xdr:row>
          <xdr:rowOff>53340</xdr:rowOff>
        </xdr:to>
        <xdr:sp macro="" textlink="">
          <xdr:nvSpPr>
            <xdr:cNvPr id="63492" name="Check Box 4" hidden="1">
              <a:extLst>
                <a:ext uri="{63B3BB69-23CF-44E3-9099-C40C66FF867C}">
                  <a14:compatExt spid="_x0000_s63492"/>
                </a:ext>
                <a:ext uri="{FF2B5EF4-FFF2-40B4-BE49-F238E27FC236}">
                  <a16:creationId xmlns:a16="http://schemas.microsoft.com/office/drawing/2014/main" id="{00000000-0008-0000-1400-000004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08660</xdr:colOff>
          <xdr:row>34</xdr:row>
          <xdr:rowOff>175260</xdr:rowOff>
        </xdr:from>
        <xdr:to>
          <xdr:col>2</xdr:col>
          <xdr:colOff>1150620</xdr:colOff>
          <xdr:row>36</xdr:row>
          <xdr:rowOff>45720</xdr:rowOff>
        </xdr:to>
        <xdr:sp macro="" textlink="">
          <xdr:nvSpPr>
            <xdr:cNvPr id="63493" name="Check Box 5" hidden="1">
              <a:extLst>
                <a:ext uri="{63B3BB69-23CF-44E3-9099-C40C66FF867C}">
                  <a14:compatExt spid="_x0000_s63493"/>
                </a:ext>
                <a:ext uri="{FF2B5EF4-FFF2-40B4-BE49-F238E27FC236}">
                  <a16:creationId xmlns:a16="http://schemas.microsoft.com/office/drawing/2014/main" id="{00000000-0008-0000-1400-000005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9120</xdr:colOff>
          <xdr:row>34</xdr:row>
          <xdr:rowOff>152400</xdr:rowOff>
        </xdr:from>
        <xdr:to>
          <xdr:col>5</xdr:col>
          <xdr:colOff>335280</xdr:colOff>
          <xdr:row>36</xdr:row>
          <xdr:rowOff>53340</xdr:rowOff>
        </xdr:to>
        <xdr:sp macro="" textlink="">
          <xdr:nvSpPr>
            <xdr:cNvPr id="63494" name="Check Box 6" hidden="1">
              <a:extLst>
                <a:ext uri="{63B3BB69-23CF-44E3-9099-C40C66FF867C}">
                  <a14:compatExt spid="_x0000_s63494"/>
                </a:ext>
                <a:ext uri="{FF2B5EF4-FFF2-40B4-BE49-F238E27FC236}">
                  <a16:creationId xmlns:a16="http://schemas.microsoft.com/office/drawing/2014/main" id="{00000000-0008-0000-1400-000006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本部</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34340</xdr:colOff>
          <xdr:row>35</xdr:row>
          <xdr:rowOff>0</xdr:rowOff>
        </xdr:from>
        <xdr:to>
          <xdr:col>7</xdr:col>
          <xdr:colOff>297180</xdr:colOff>
          <xdr:row>37</xdr:row>
          <xdr:rowOff>0</xdr:rowOff>
        </xdr:to>
        <xdr:sp macro="" textlink="">
          <xdr:nvSpPr>
            <xdr:cNvPr id="63495" name="Check Box 7" hidden="1">
              <a:extLst>
                <a:ext uri="{63B3BB69-23CF-44E3-9099-C40C66FF867C}">
                  <a14:compatExt spid="_x0000_s63495"/>
                </a:ext>
                <a:ext uri="{FF2B5EF4-FFF2-40B4-BE49-F238E27FC236}">
                  <a16:creationId xmlns:a16="http://schemas.microsoft.com/office/drawing/2014/main" id="{00000000-0008-0000-1400-000007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75260</xdr:colOff>
          <xdr:row>52</xdr:row>
          <xdr:rowOff>22860</xdr:rowOff>
        </xdr:from>
        <xdr:to>
          <xdr:col>1</xdr:col>
          <xdr:colOff>617220</xdr:colOff>
          <xdr:row>54</xdr:row>
          <xdr:rowOff>53340</xdr:rowOff>
        </xdr:to>
        <xdr:sp macro="" textlink="">
          <xdr:nvSpPr>
            <xdr:cNvPr id="63496" name="Check Box 8" hidden="1">
              <a:extLst>
                <a:ext uri="{63B3BB69-23CF-44E3-9099-C40C66FF867C}">
                  <a14:compatExt spid="_x0000_s63496"/>
                </a:ext>
                <a:ext uri="{FF2B5EF4-FFF2-40B4-BE49-F238E27FC236}">
                  <a16:creationId xmlns:a16="http://schemas.microsoft.com/office/drawing/2014/main" id="{00000000-0008-0000-1400-000008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23900</xdr:colOff>
          <xdr:row>52</xdr:row>
          <xdr:rowOff>22860</xdr:rowOff>
        </xdr:from>
        <xdr:to>
          <xdr:col>2</xdr:col>
          <xdr:colOff>205740</xdr:colOff>
          <xdr:row>54</xdr:row>
          <xdr:rowOff>45720</xdr:rowOff>
        </xdr:to>
        <xdr:sp macro="" textlink="">
          <xdr:nvSpPr>
            <xdr:cNvPr id="63497" name="Check Box 9" hidden="1">
              <a:extLst>
                <a:ext uri="{63B3BB69-23CF-44E3-9099-C40C66FF867C}">
                  <a14:compatExt spid="_x0000_s63497"/>
                </a:ext>
                <a:ext uri="{FF2B5EF4-FFF2-40B4-BE49-F238E27FC236}">
                  <a16:creationId xmlns:a16="http://schemas.microsoft.com/office/drawing/2014/main" id="{00000000-0008-0000-1400-000009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01980</xdr:colOff>
          <xdr:row>61</xdr:row>
          <xdr:rowOff>99060</xdr:rowOff>
        </xdr:from>
        <xdr:to>
          <xdr:col>2</xdr:col>
          <xdr:colOff>1043940</xdr:colOff>
          <xdr:row>63</xdr:row>
          <xdr:rowOff>60960</xdr:rowOff>
        </xdr:to>
        <xdr:sp macro="" textlink="">
          <xdr:nvSpPr>
            <xdr:cNvPr id="63500" name="Check Box 12" hidden="1">
              <a:extLst>
                <a:ext uri="{63B3BB69-23CF-44E3-9099-C40C66FF867C}">
                  <a14:compatExt spid="_x0000_s63500"/>
                </a:ext>
                <a:ext uri="{FF2B5EF4-FFF2-40B4-BE49-F238E27FC236}">
                  <a16:creationId xmlns:a16="http://schemas.microsoft.com/office/drawing/2014/main" id="{00000000-0008-0000-1400-00000C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50620</xdr:colOff>
          <xdr:row>61</xdr:row>
          <xdr:rowOff>99060</xdr:rowOff>
        </xdr:from>
        <xdr:to>
          <xdr:col>3</xdr:col>
          <xdr:colOff>121920</xdr:colOff>
          <xdr:row>63</xdr:row>
          <xdr:rowOff>53340</xdr:rowOff>
        </xdr:to>
        <xdr:sp macro="" textlink="">
          <xdr:nvSpPr>
            <xdr:cNvPr id="63501" name="Check Box 13" hidden="1">
              <a:extLst>
                <a:ext uri="{63B3BB69-23CF-44E3-9099-C40C66FF867C}">
                  <a14:compatExt spid="_x0000_s63501"/>
                </a:ext>
                <a:ext uri="{FF2B5EF4-FFF2-40B4-BE49-F238E27FC236}">
                  <a16:creationId xmlns:a16="http://schemas.microsoft.com/office/drawing/2014/main" id="{00000000-0008-0000-1400-00000DF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xdr:wsDr>
</file>

<file path=xl/drawings/drawing1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xdr:col>
          <xdr:colOff>106680</xdr:colOff>
          <xdr:row>15</xdr:row>
          <xdr:rowOff>45720</xdr:rowOff>
        </xdr:from>
        <xdr:to>
          <xdr:col>13</xdr:col>
          <xdr:colOff>190500</xdr:colOff>
          <xdr:row>16</xdr:row>
          <xdr:rowOff>0</xdr:rowOff>
        </xdr:to>
        <xdr:sp macro="" textlink="">
          <xdr:nvSpPr>
            <xdr:cNvPr id="65537" name="Check Box 1" hidden="1">
              <a:extLst>
                <a:ext uri="{63B3BB69-23CF-44E3-9099-C40C66FF867C}">
                  <a14:compatExt spid="_x0000_s65537"/>
                </a:ext>
                <a:ext uri="{FF2B5EF4-FFF2-40B4-BE49-F238E27FC236}">
                  <a16:creationId xmlns:a16="http://schemas.microsoft.com/office/drawing/2014/main" id="{00000000-0008-0000-1500-000001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45720</xdr:colOff>
          <xdr:row>15</xdr:row>
          <xdr:rowOff>22860</xdr:rowOff>
        </xdr:from>
        <xdr:to>
          <xdr:col>11</xdr:col>
          <xdr:colOff>441960</xdr:colOff>
          <xdr:row>16</xdr:row>
          <xdr:rowOff>7620</xdr:rowOff>
        </xdr:to>
        <xdr:sp macro="" textlink="">
          <xdr:nvSpPr>
            <xdr:cNvPr id="65538" name="Check Box 2" hidden="1">
              <a:extLst>
                <a:ext uri="{63B3BB69-23CF-44E3-9099-C40C66FF867C}">
                  <a14:compatExt spid="_x0000_s65538"/>
                </a:ext>
                <a:ext uri="{FF2B5EF4-FFF2-40B4-BE49-F238E27FC236}">
                  <a16:creationId xmlns:a16="http://schemas.microsoft.com/office/drawing/2014/main" id="{00000000-0008-0000-1500-000002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9080</xdr:colOff>
          <xdr:row>27</xdr:row>
          <xdr:rowOff>45720</xdr:rowOff>
        </xdr:from>
        <xdr:to>
          <xdr:col>14</xdr:col>
          <xdr:colOff>297180</xdr:colOff>
          <xdr:row>28</xdr:row>
          <xdr:rowOff>0</xdr:rowOff>
        </xdr:to>
        <xdr:sp macro="" textlink="">
          <xdr:nvSpPr>
            <xdr:cNvPr id="65539" name="Check Box 3" hidden="1">
              <a:extLst>
                <a:ext uri="{63B3BB69-23CF-44E3-9099-C40C66FF867C}">
                  <a14:compatExt spid="_x0000_s65539"/>
                </a:ext>
                <a:ext uri="{FF2B5EF4-FFF2-40B4-BE49-F238E27FC236}">
                  <a16:creationId xmlns:a16="http://schemas.microsoft.com/office/drawing/2014/main" id="{00000000-0008-0000-1500-000003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45720</xdr:colOff>
          <xdr:row>27</xdr:row>
          <xdr:rowOff>22860</xdr:rowOff>
        </xdr:from>
        <xdr:to>
          <xdr:col>13</xdr:col>
          <xdr:colOff>144780</xdr:colOff>
          <xdr:row>28</xdr:row>
          <xdr:rowOff>7620</xdr:rowOff>
        </xdr:to>
        <xdr:sp macro="" textlink="">
          <xdr:nvSpPr>
            <xdr:cNvPr id="65540" name="Check Box 4" hidden="1">
              <a:extLst>
                <a:ext uri="{63B3BB69-23CF-44E3-9099-C40C66FF867C}">
                  <a14:compatExt spid="_x0000_s65540"/>
                </a:ext>
                <a:ext uri="{FF2B5EF4-FFF2-40B4-BE49-F238E27FC236}">
                  <a16:creationId xmlns:a16="http://schemas.microsoft.com/office/drawing/2014/main" id="{00000000-0008-0000-1500-000004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9080</xdr:colOff>
          <xdr:row>28</xdr:row>
          <xdr:rowOff>45720</xdr:rowOff>
        </xdr:from>
        <xdr:to>
          <xdr:col>14</xdr:col>
          <xdr:colOff>297180</xdr:colOff>
          <xdr:row>29</xdr:row>
          <xdr:rowOff>0</xdr:rowOff>
        </xdr:to>
        <xdr:sp macro="" textlink="">
          <xdr:nvSpPr>
            <xdr:cNvPr id="65541" name="Check Box 5" hidden="1">
              <a:extLst>
                <a:ext uri="{63B3BB69-23CF-44E3-9099-C40C66FF867C}">
                  <a14:compatExt spid="_x0000_s65541"/>
                </a:ext>
                <a:ext uri="{FF2B5EF4-FFF2-40B4-BE49-F238E27FC236}">
                  <a16:creationId xmlns:a16="http://schemas.microsoft.com/office/drawing/2014/main" id="{00000000-0008-0000-1500-000005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45720</xdr:colOff>
          <xdr:row>28</xdr:row>
          <xdr:rowOff>22860</xdr:rowOff>
        </xdr:from>
        <xdr:to>
          <xdr:col>13</xdr:col>
          <xdr:colOff>144780</xdr:colOff>
          <xdr:row>29</xdr:row>
          <xdr:rowOff>7620</xdr:rowOff>
        </xdr:to>
        <xdr:sp macro="" textlink="">
          <xdr:nvSpPr>
            <xdr:cNvPr id="65542" name="Check Box 6" hidden="1">
              <a:extLst>
                <a:ext uri="{63B3BB69-23CF-44E3-9099-C40C66FF867C}">
                  <a14:compatExt spid="_x0000_s65542"/>
                </a:ext>
                <a:ext uri="{FF2B5EF4-FFF2-40B4-BE49-F238E27FC236}">
                  <a16:creationId xmlns:a16="http://schemas.microsoft.com/office/drawing/2014/main" id="{00000000-0008-0000-1500-000006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9080</xdr:colOff>
          <xdr:row>29</xdr:row>
          <xdr:rowOff>45720</xdr:rowOff>
        </xdr:from>
        <xdr:to>
          <xdr:col>14</xdr:col>
          <xdr:colOff>297180</xdr:colOff>
          <xdr:row>30</xdr:row>
          <xdr:rowOff>0</xdr:rowOff>
        </xdr:to>
        <xdr:sp macro="" textlink="">
          <xdr:nvSpPr>
            <xdr:cNvPr id="65543" name="Check Box 7" hidden="1">
              <a:extLst>
                <a:ext uri="{63B3BB69-23CF-44E3-9099-C40C66FF867C}">
                  <a14:compatExt spid="_x0000_s65543"/>
                </a:ext>
                <a:ext uri="{FF2B5EF4-FFF2-40B4-BE49-F238E27FC236}">
                  <a16:creationId xmlns:a16="http://schemas.microsoft.com/office/drawing/2014/main" id="{00000000-0008-0000-1500-000007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45720</xdr:colOff>
          <xdr:row>29</xdr:row>
          <xdr:rowOff>22860</xdr:rowOff>
        </xdr:from>
        <xdr:to>
          <xdr:col>13</xdr:col>
          <xdr:colOff>144780</xdr:colOff>
          <xdr:row>30</xdr:row>
          <xdr:rowOff>7620</xdr:rowOff>
        </xdr:to>
        <xdr:sp macro="" textlink="">
          <xdr:nvSpPr>
            <xdr:cNvPr id="65544" name="Check Box 8" hidden="1">
              <a:extLst>
                <a:ext uri="{63B3BB69-23CF-44E3-9099-C40C66FF867C}">
                  <a14:compatExt spid="_x0000_s65544"/>
                </a:ext>
                <a:ext uri="{FF2B5EF4-FFF2-40B4-BE49-F238E27FC236}">
                  <a16:creationId xmlns:a16="http://schemas.microsoft.com/office/drawing/2014/main" id="{00000000-0008-0000-1500-000008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9080</xdr:colOff>
          <xdr:row>30</xdr:row>
          <xdr:rowOff>45720</xdr:rowOff>
        </xdr:from>
        <xdr:to>
          <xdr:col>14</xdr:col>
          <xdr:colOff>297180</xdr:colOff>
          <xdr:row>31</xdr:row>
          <xdr:rowOff>0</xdr:rowOff>
        </xdr:to>
        <xdr:sp macro="" textlink="">
          <xdr:nvSpPr>
            <xdr:cNvPr id="65545" name="Check Box 9" hidden="1">
              <a:extLst>
                <a:ext uri="{63B3BB69-23CF-44E3-9099-C40C66FF867C}">
                  <a14:compatExt spid="_x0000_s65545"/>
                </a:ext>
                <a:ext uri="{FF2B5EF4-FFF2-40B4-BE49-F238E27FC236}">
                  <a16:creationId xmlns:a16="http://schemas.microsoft.com/office/drawing/2014/main" id="{00000000-0008-0000-1500-000009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45720</xdr:colOff>
          <xdr:row>30</xdr:row>
          <xdr:rowOff>22860</xdr:rowOff>
        </xdr:from>
        <xdr:to>
          <xdr:col>13</xdr:col>
          <xdr:colOff>144780</xdr:colOff>
          <xdr:row>31</xdr:row>
          <xdr:rowOff>7620</xdr:rowOff>
        </xdr:to>
        <xdr:sp macro="" textlink="">
          <xdr:nvSpPr>
            <xdr:cNvPr id="65546" name="Check Box 10" hidden="1">
              <a:extLst>
                <a:ext uri="{63B3BB69-23CF-44E3-9099-C40C66FF867C}">
                  <a14:compatExt spid="_x0000_s65546"/>
                </a:ext>
                <a:ext uri="{FF2B5EF4-FFF2-40B4-BE49-F238E27FC236}">
                  <a16:creationId xmlns:a16="http://schemas.microsoft.com/office/drawing/2014/main" id="{00000000-0008-0000-1500-00000A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0980</xdr:colOff>
          <xdr:row>32</xdr:row>
          <xdr:rowOff>30480</xdr:rowOff>
        </xdr:from>
        <xdr:to>
          <xdr:col>6</xdr:col>
          <xdr:colOff>68580</xdr:colOff>
          <xdr:row>32</xdr:row>
          <xdr:rowOff>236220</xdr:rowOff>
        </xdr:to>
        <xdr:sp macro="" textlink="">
          <xdr:nvSpPr>
            <xdr:cNvPr id="65547" name="Check Box 11" hidden="1">
              <a:extLst>
                <a:ext uri="{63B3BB69-23CF-44E3-9099-C40C66FF867C}">
                  <a14:compatExt spid="_x0000_s65547"/>
                </a:ext>
                <a:ext uri="{FF2B5EF4-FFF2-40B4-BE49-F238E27FC236}">
                  <a16:creationId xmlns:a16="http://schemas.microsoft.com/office/drawing/2014/main" id="{00000000-0008-0000-1500-00000B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05740</xdr:colOff>
          <xdr:row>32</xdr:row>
          <xdr:rowOff>7620</xdr:rowOff>
        </xdr:from>
        <xdr:to>
          <xdr:col>4</xdr:col>
          <xdr:colOff>106680</xdr:colOff>
          <xdr:row>32</xdr:row>
          <xdr:rowOff>243840</xdr:rowOff>
        </xdr:to>
        <xdr:sp macro="" textlink="">
          <xdr:nvSpPr>
            <xdr:cNvPr id="65548" name="Check Box 12" hidden="1">
              <a:extLst>
                <a:ext uri="{63B3BB69-23CF-44E3-9099-C40C66FF867C}">
                  <a14:compatExt spid="_x0000_s65548"/>
                </a:ext>
                <a:ext uri="{FF2B5EF4-FFF2-40B4-BE49-F238E27FC236}">
                  <a16:creationId xmlns:a16="http://schemas.microsoft.com/office/drawing/2014/main" id="{00000000-0008-0000-1500-00000C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20980</xdr:colOff>
          <xdr:row>33</xdr:row>
          <xdr:rowOff>38100</xdr:rowOff>
        </xdr:from>
        <xdr:to>
          <xdr:col>14</xdr:col>
          <xdr:colOff>259080</xdr:colOff>
          <xdr:row>33</xdr:row>
          <xdr:rowOff>243840</xdr:rowOff>
        </xdr:to>
        <xdr:sp macro="" textlink="">
          <xdr:nvSpPr>
            <xdr:cNvPr id="65549" name="Check Box 13" hidden="1">
              <a:extLst>
                <a:ext uri="{63B3BB69-23CF-44E3-9099-C40C66FF867C}">
                  <a14:compatExt spid="_x0000_s65549"/>
                </a:ext>
                <a:ext uri="{FF2B5EF4-FFF2-40B4-BE49-F238E27FC236}">
                  <a16:creationId xmlns:a16="http://schemas.microsoft.com/office/drawing/2014/main" id="{00000000-0008-0000-1500-00000D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33</xdr:row>
          <xdr:rowOff>15240</xdr:rowOff>
        </xdr:from>
        <xdr:to>
          <xdr:col>13</xdr:col>
          <xdr:colOff>106680</xdr:colOff>
          <xdr:row>34</xdr:row>
          <xdr:rowOff>0</xdr:rowOff>
        </xdr:to>
        <xdr:sp macro="" textlink="">
          <xdr:nvSpPr>
            <xdr:cNvPr id="65550" name="Check Box 14" hidden="1">
              <a:extLst>
                <a:ext uri="{63B3BB69-23CF-44E3-9099-C40C66FF867C}">
                  <a14:compatExt spid="_x0000_s65550"/>
                </a:ext>
                <a:ext uri="{FF2B5EF4-FFF2-40B4-BE49-F238E27FC236}">
                  <a16:creationId xmlns:a16="http://schemas.microsoft.com/office/drawing/2014/main" id="{00000000-0008-0000-1500-00000E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60020</xdr:colOff>
          <xdr:row>5</xdr:row>
          <xdr:rowOff>0</xdr:rowOff>
        </xdr:from>
        <xdr:to>
          <xdr:col>1</xdr:col>
          <xdr:colOff>411480</xdr:colOff>
          <xdr:row>5</xdr:row>
          <xdr:rowOff>236220</xdr:rowOff>
        </xdr:to>
        <xdr:sp macro="" textlink="">
          <xdr:nvSpPr>
            <xdr:cNvPr id="6145" name="Check Box 1" hidden="1">
              <a:extLst>
                <a:ext uri="{63B3BB69-23CF-44E3-9099-C40C66FF867C}">
                  <a14:compatExt spid="_x0000_s6145"/>
                </a:ext>
                <a:ext uri="{FF2B5EF4-FFF2-40B4-BE49-F238E27FC236}">
                  <a16:creationId xmlns:a16="http://schemas.microsoft.com/office/drawing/2014/main" id="{00000000-0008-0000-1900-00000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6</xdr:row>
          <xdr:rowOff>0</xdr:rowOff>
        </xdr:from>
        <xdr:to>
          <xdr:col>1</xdr:col>
          <xdr:colOff>411480</xdr:colOff>
          <xdr:row>6</xdr:row>
          <xdr:rowOff>236220</xdr:rowOff>
        </xdr:to>
        <xdr:sp macro="" textlink="">
          <xdr:nvSpPr>
            <xdr:cNvPr id="6146" name="Check Box 2" hidden="1">
              <a:extLst>
                <a:ext uri="{63B3BB69-23CF-44E3-9099-C40C66FF867C}">
                  <a14:compatExt spid="_x0000_s6146"/>
                </a:ext>
                <a:ext uri="{FF2B5EF4-FFF2-40B4-BE49-F238E27FC236}">
                  <a16:creationId xmlns:a16="http://schemas.microsoft.com/office/drawing/2014/main" id="{00000000-0008-0000-1900-00000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8</xdr:row>
          <xdr:rowOff>0</xdr:rowOff>
        </xdr:from>
        <xdr:to>
          <xdr:col>1</xdr:col>
          <xdr:colOff>411480</xdr:colOff>
          <xdr:row>8</xdr:row>
          <xdr:rowOff>236220</xdr:rowOff>
        </xdr:to>
        <xdr:sp macro="" textlink="">
          <xdr:nvSpPr>
            <xdr:cNvPr id="6147" name="Check Box 3" hidden="1">
              <a:extLst>
                <a:ext uri="{63B3BB69-23CF-44E3-9099-C40C66FF867C}">
                  <a14:compatExt spid="_x0000_s6147"/>
                </a:ext>
                <a:ext uri="{FF2B5EF4-FFF2-40B4-BE49-F238E27FC236}">
                  <a16:creationId xmlns:a16="http://schemas.microsoft.com/office/drawing/2014/main" id="{00000000-0008-0000-1900-00000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0</xdr:colOff>
          <xdr:row>4</xdr:row>
          <xdr:rowOff>213360</xdr:rowOff>
        </xdr:from>
        <xdr:to>
          <xdr:col>3</xdr:col>
          <xdr:colOff>403860</xdr:colOff>
          <xdr:row>6</xdr:row>
          <xdr:rowOff>45720</xdr:rowOff>
        </xdr:to>
        <xdr:sp macro="" textlink="">
          <xdr:nvSpPr>
            <xdr:cNvPr id="6148" name="Check Box 4" hidden="1">
              <a:extLst>
                <a:ext uri="{63B3BB69-23CF-44E3-9099-C40C66FF867C}">
                  <a14:compatExt spid="_x0000_s6148"/>
                </a:ext>
                <a:ext uri="{FF2B5EF4-FFF2-40B4-BE49-F238E27FC236}">
                  <a16:creationId xmlns:a16="http://schemas.microsoft.com/office/drawing/2014/main" id="{00000000-0008-0000-1900-00000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xdr:row>
          <xdr:rowOff>213360</xdr:rowOff>
        </xdr:from>
        <xdr:to>
          <xdr:col>3</xdr:col>
          <xdr:colOff>403860</xdr:colOff>
          <xdr:row>7</xdr:row>
          <xdr:rowOff>45720</xdr:rowOff>
        </xdr:to>
        <xdr:sp macro="" textlink="">
          <xdr:nvSpPr>
            <xdr:cNvPr id="6149" name="Check Box 5" hidden="1">
              <a:extLst>
                <a:ext uri="{63B3BB69-23CF-44E3-9099-C40C66FF867C}">
                  <a14:compatExt spid="_x0000_s6149"/>
                </a:ext>
                <a:ext uri="{FF2B5EF4-FFF2-40B4-BE49-F238E27FC236}">
                  <a16:creationId xmlns:a16="http://schemas.microsoft.com/office/drawing/2014/main" id="{00000000-0008-0000-1900-00000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8</xdr:row>
          <xdr:rowOff>0</xdr:rowOff>
        </xdr:from>
        <xdr:to>
          <xdr:col>3</xdr:col>
          <xdr:colOff>411480</xdr:colOff>
          <xdr:row>8</xdr:row>
          <xdr:rowOff>236220</xdr:rowOff>
        </xdr:to>
        <xdr:sp macro="" textlink="">
          <xdr:nvSpPr>
            <xdr:cNvPr id="6150" name="Check Box 6" hidden="1">
              <a:extLst>
                <a:ext uri="{63B3BB69-23CF-44E3-9099-C40C66FF867C}">
                  <a14:compatExt spid="_x0000_s6150"/>
                </a:ext>
                <a:ext uri="{FF2B5EF4-FFF2-40B4-BE49-F238E27FC236}">
                  <a16:creationId xmlns:a16="http://schemas.microsoft.com/office/drawing/2014/main" id="{00000000-0008-0000-1900-00000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7</xdr:row>
          <xdr:rowOff>0</xdr:rowOff>
        </xdr:from>
        <xdr:to>
          <xdr:col>1</xdr:col>
          <xdr:colOff>411480</xdr:colOff>
          <xdr:row>7</xdr:row>
          <xdr:rowOff>236220</xdr:rowOff>
        </xdr:to>
        <xdr:sp macro="" textlink="">
          <xdr:nvSpPr>
            <xdr:cNvPr id="6151" name="Check Box 7" hidden="1">
              <a:extLst>
                <a:ext uri="{63B3BB69-23CF-44E3-9099-C40C66FF867C}">
                  <a14:compatExt spid="_x0000_s6151"/>
                </a:ext>
                <a:ext uri="{FF2B5EF4-FFF2-40B4-BE49-F238E27FC236}">
                  <a16:creationId xmlns:a16="http://schemas.microsoft.com/office/drawing/2014/main" id="{00000000-0008-0000-1900-00000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7</xdr:row>
          <xdr:rowOff>0</xdr:rowOff>
        </xdr:from>
        <xdr:to>
          <xdr:col>3</xdr:col>
          <xdr:colOff>411480</xdr:colOff>
          <xdr:row>7</xdr:row>
          <xdr:rowOff>236220</xdr:rowOff>
        </xdr:to>
        <xdr:sp macro="" textlink="">
          <xdr:nvSpPr>
            <xdr:cNvPr id="6152" name="Check Box 8" hidden="1">
              <a:extLst>
                <a:ext uri="{63B3BB69-23CF-44E3-9099-C40C66FF867C}">
                  <a14:compatExt spid="_x0000_s6152"/>
                </a:ext>
                <a:ext uri="{FF2B5EF4-FFF2-40B4-BE49-F238E27FC236}">
                  <a16:creationId xmlns:a16="http://schemas.microsoft.com/office/drawing/2014/main" id="{00000000-0008-0000-1900-00000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16</xdr:row>
          <xdr:rowOff>0</xdr:rowOff>
        </xdr:from>
        <xdr:to>
          <xdr:col>1</xdr:col>
          <xdr:colOff>411480</xdr:colOff>
          <xdr:row>16</xdr:row>
          <xdr:rowOff>236220</xdr:rowOff>
        </xdr:to>
        <xdr:sp macro="" textlink="">
          <xdr:nvSpPr>
            <xdr:cNvPr id="6153" name="Check Box 9" hidden="1">
              <a:extLst>
                <a:ext uri="{63B3BB69-23CF-44E3-9099-C40C66FF867C}">
                  <a14:compatExt spid="_x0000_s6153"/>
                </a:ext>
                <a:ext uri="{FF2B5EF4-FFF2-40B4-BE49-F238E27FC236}">
                  <a16:creationId xmlns:a16="http://schemas.microsoft.com/office/drawing/2014/main" id="{00000000-0008-0000-1900-00000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17</xdr:row>
          <xdr:rowOff>0</xdr:rowOff>
        </xdr:from>
        <xdr:to>
          <xdr:col>1</xdr:col>
          <xdr:colOff>411480</xdr:colOff>
          <xdr:row>17</xdr:row>
          <xdr:rowOff>236220</xdr:rowOff>
        </xdr:to>
        <xdr:sp macro="" textlink="">
          <xdr:nvSpPr>
            <xdr:cNvPr id="6154" name="Check Box 10" hidden="1">
              <a:extLst>
                <a:ext uri="{63B3BB69-23CF-44E3-9099-C40C66FF867C}">
                  <a14:compatExt spid="_x0000_s6154"/>
                </a:ext>
                <a:ext uri="{FF2B5EF4-FFF2-40B4-BE49-F238E27FC236}">
                  <a16:creationId xmlns:a16="http://schemas.microsoft.com/office/drawing/2014/main" id="{00000000-0008-0000-1900-00000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18</xdr:row>
          <xdr:rowOff>0</xdr:rowOff>
        </xdr:from>
        <xdr:to>
          <xdr:col>1</xdr:col>
          <xdr:colOff>411480</xdr:colOff>
          <xdr:row>18</xdr:row>
          <xdr:rowOff>236220</xdr:rowOff>
        </xdr:to>
        <xdr:sp macro="" textlink="">
          <xdr:nvSpPr>
            <xdr:cNvPr id="6155" name="Check Box 11" hidden="1">
              <a:extLst>
                <a:ext uri="{63B3BB69-23CF-44E3-9099-C40C66FF867C}">
                  <a14:compatExt spid="_x0000_s6155"/>
                </a:ext>
                <a:ext uri="{FF2B5EF4-FFF2-40B4-BE49-F238E27FC236}">
                  <a16:creationId xmlns:a16="http://schemas.microsoft.com/office/drawing/2014/main" id="{00000000-0008-0000-1900-00000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19</xdr:row>
          <xdr:rowOff>0</xdr:rowOff>
        </xdr:from>
        <xdr:to>
          <xdr:col>1</xdr:col>
          <xdr:colOff>411480</xdr:colOff>
          <xdr:row>19</xdr:row>
          <xdr:rowOff>236220</xdr:rowOff>
        </xdr:to>
        <xdr:sp macro="" textlink="">
          <xdr:nvSpPr>
            <xdr:cNvPr id="6156" name="Check Box 12" hidden="1">
              <a:extLst>
                <a:ext uri="{63B3BB69-23CF-44E3-9099-C40C66FF867C}">
                  <a14:compatExt spid="_x0000_s6156"/>
                </a:ext>
                <a:ext uri="{FF2B5EF4-FFF2-40B4-BE49-F238E27FC236}">
                  <a16:creationId xmlns:a16="http://schemas.microsoft.com/office/drawing/2014/main" id="{00000000-0008-0000-1900-00000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20</xdr:row>
          <xdr:rowOff>0</xdr:rowOff>
        </xdr:from>
        <xdr:to>
          <xdr:col>1</xdr:col>
          <xdr:colOff>411480</xdr:colOff>
          <xdr:row>20</xdr:row>
          <xdr:rowOff>236220</xdr:rowOff>
        </xdr:to>
        <xdr:sp macro="" textlink="">
          <xdr:nvSpPr>
            <xdr:cNvPr id="6157" name="Check Box 13" hidden="1">
              <a:extLst>
                <a:ext uri="{63B3BB69-23CF-44E3-9099-C40C66FF867C}">
                  <a14:compatExt spid="_x0000_s6157"/>
                </a:ext>
                <a:ext uri="{FF2B5EF4-FFF2-40B4-BE49-F238E27FC236}">
                  <a16:creationId xmlns:a16="http://schemas.microsoft.com/office/drawing/2014/main" id="{00000000-0008-0000-1900-00000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21</xdr:row>
          <xdr:rowOff>0</xdr:rowOff>
        </xdr:from>
        <xdr:to>
          <xdr:col>1</xdr:col>
          <xdr:colOff>411480</xdr:colOff>
          <xdr:row>21</xdr:row>
          <xdr:rowOff>236220</xdr:rowOff>
        </xdr:to>
        <xdr:sp macro="" textlink="">
          <xdr:nvSpPr>
            <xdr:cNvPr id="6158" name="Check Box 14" hidden="1">
              <a:extLst>
                <a:ext uri="{63B3BB69-23CF-44E3-9099-C40C66FF867C}">
                  <a14:compatExt spid="_x0000_s6158"/>
                </a:ext>
                <a:ext uri="{FF2B5EF4-FFF2-40B4-BE49-F238E27FC236}">
                  <a16:creationId xmlns:a16="http://schemas.microsoft.com/office/drawing/2014/main" id="{00000000-0008-0000-1900-00000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16</xdr:row>
          <xdr:rowOff>0</xdr:rowOff>
        </xdr:from>
        <xdr:to>
          <xdr:col>3</xdr:col>
          <xdr:colOff>411480</xdr:colOff>
          <xdr:row>16</xdr:row>
          <xdr:rowOff>236220</xdr:rowOff>
        </xdr:to>
        <xdr:sp macro="" textlink="">
          <xdr:nvSpPr>
            <xdr:cNvPr id="6159" name="Check Box 15" hidden="1">
              <a:extLst>
                <a:ext uri="{63B3BB69-23CF-44E3-9099-C40C66FF867C}">
                  <a14:compatExt spid="_x0000_s6159"/>
                </a:ext>
                <a:ext uri="{FF2B5EF4-FFF2-40B4-BE49-F238E27FC236}">
                  <a16:creationId xmlns:a16="http://schemas.microsoft.com/office/drawing/2014/main" id="{00000000-0008-0000-1900-00000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17</xdr:row>
          <xdr:rowOff>0</xdr:rowOff>
        </xdr:from>
        <xdr:to>
          <xdr:col>3</xdr:col>
          <xdr:colOff>411480</xdr:colOff>
          <xdr:row>17</xdr:row>
          <xdr:rowOff>236220</xdr:rowOff>
        </xdr:to>
        <xdr:sp macro="" textlink="">
          <xdr:nvSpPr>
            <xdr:cNvPr id="6160" name="Check Box 16" hidden="1">
              <a:extLst>
                <a:ext uri="{63B3BB69-23CF-44E3-9099-C40C66FF867C}">
                  <a14:compatExt spid="_x0000_s6160"/>
                </a:ext>
                <a:ext uri="{FF2B5EF4-FFF2-40B4-BE49-F238E27FC236}">
                  <a16:creationId xmlns:a16="http://schemas.microsoft.com/office/drawing/2014/main" id="{00000000-0008-0000-1900-00001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18</xdr:row>
          <xdr:rowOff>0</xdr:rowOff>
        </xdr:from>
        <xdr:to>
          <xdr:col>3</xdr:col>
          <xdr:colOff>411480</xdr:colOff>
          <xdr:row>18</xdr:row>
          <xdr:rowOff>236220</xdr:rowOff>
        </xdr:to>
        <xdr:sp macro="" textlink="">
          <xdr:nvSpPr>
            <xdr:cNvPr id="6161" name="Check Box 17" hidden="1">
              <a:extLst>
                <a:ext uri="{63B3BB69-23CF-44E3-9099-C40C66FF867C}">
                  <a14:compatExt spid="_x0000_s6161"/>
                </a:ext>
                <a:ext uri="{FF2B5EF4-FFF2-40B4-BE49-F238E27FC236}">
                  <a16:creationId xmlns:a16="http://schemas.microsoft.com/office/drawing/2014/main" id="{00000000-0008-0000-1900-00001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19</xdr:row>
          <xdr:rowOff>0</xdr:rowOff>
        </xdr:from>
        <xdr:to>
          <xdr:col>3</xdr:col>
          <xdr:colOff>411480</xdr:colOff>
          <xdr:row>19</xdr:row>
          <xdr:rowOff>236220</xdr:rowOff>
        </xdr:to>
        <xdr:sp macro="" textlink="">
          <xdr:nvSpPr>
            <xdr:cNvPr id="6162" name="Check Box 18" hidden="1">
              <a:extLst>
                <a:ext uri="{63B3BB69-23CF-44E3-9099-C40C66FF867C}">
                  <a14:compatExt spid="_x0000_s6162"/>
                </a:ext>
                <a:ext uri="{FF2B5EF4-FFF2-40B4-BE49-F238E27FC236}">
                  <a16:creationId xmlns:a16="http://schemas.microsoft.com/office/drawing/2014/main" id="{00000000-0008-0000-1900-00001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20</xdr:row>
          <xdr:rowOff>0</xdr:rowOff>
        </xdr:from>
        <xdr:to>
          <xdr:col>3</xdr:col>
          <xdr:colOff>411480</xdr:colOff>
          <xdr:row>20</xdr:row>
          <xdr:rowOff>236220</xdr:rowOff>
        </xdr:to>
        <xdr:sp macro="" textlink="">
          <xdr:nvSpPr>
            <xdr:cNvPr id="6163" name="Check Box 19" hidden="1">
              <a:extLst>
                <a:ext uri="{63B3BB69-23CF-44E3-9099-C40C66FF867C}">
                  <a14:compatExt spid="_x0000_s6163"/>
                </a:ext>
                <a:ext uri="{FF2B5EF4-FFF2-40B4-BE49-F238E27FC236}">
                  <a16:creationId xmlns:a16="http://schemas.microsoft.com/office/drawing/2014/main" id="{00000000-0008-0000-1900-00001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21</xdr:row>
          <xdr:rowOff>0</xdr:rowOff>
        </xdr:from>
        <xdr:to>
          <xdr:col>3</xdr:col>
          <xdr:colOff>411480</xdr:colOff>
          <xdr:row>21</xdr:row>
          <xdr:rowOff>236220</xdr:rowOff>
        </xdr:to>
        <xdr:sp macro="" textlink="">
          <xdr:nvSpPr>
            <xdr:cNvPr id="6164" name="Check Box 20" hidden="1">
              <a:extLst>
                <a:ext uri="{63B3BB69-23CF-44E3-9099-C40C66FF867C}">
                  <a14:compatExt spid="_x0000_s6164"/>
                </a:ext>
                <a:ext uri="{FF2B5EF4-FFF2-40B4-BE49-F238E27FC236}">
                  <a16:creationId xmlns:a16="http://schemas.microsoft.com/office/drawing/2014/main" id="{00000000-0008-0000-1900-00001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25</xdr:row>
          <xdr:rowOff>0</xdr:rowOff>
        </xdr:from>
        <xdr:to>
          <xdr:col>1</xdr:col>
          <xdr:colOff>411480</xdr:colOff>
          <xdr:row>25</xdr:row>
          <xdr:rowOff>236220</xdr:rowOff>
        </xdr:to>
        <xdr:sp macro="" textlink="">
          <xdr:nvSpPr>
            <xdr:cNvPr id="6165" name="Check Box 21" hidden="1">
              <a:extLst>
                <a:ext uri="{63B3BB69-23CF-44E3-9099-C40C66FF867C}">
                  <a14:compatExt spid="_x0000_s6165"/>
                </a:ext>
                <a:ext uri="{FF2B5EF4-FFF2-40B4-BE49-F238E27FC236}">
                  <a16:creationId xmlns:a16="http://schemas.microsoft.com/office/drawing/2014/main" id="{00000000-0008-0000-1900-00001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26</xdr:row>
          <xdr:rowOff>0</xdr:rowOff>
        </xdr:from>
        <xdr:to>
          <xdr:col>1</xdr:col>
          <xdr:colOff>411480</xdr:colOff>
          <xdr:row>26</xdr:row>
          <xdr:rowOff>236220</xdr:rowOff>
        </xdr:to>
        <xdr:sp macro="" textlink="">
          <xdr:nvSpPr>
            <xdr:cNvPr id="6166" name="Check Box 22" hidden="1">
              <a:extLst>
                <a:ext uri="{63B3BB69-23CF-44E3-9099-C40C66FF867C}">
                  <a14:compatExt spid="_x0000_s6166"/>
                </a:ext>
                <a:ext uri="{FF2B5EF4-FFF2-40B4-BE49-F238E27FC236}">
                  <a16:creationId xmlns:a16="http://schemas.microsoft.com/office/drawing/2014/main" id="{00000000-0008-0000-1900-00001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27</xdr:row>
          <xdr:rowOff>0</xdr:rowOff>
        </xdr:from>
        <xdr:to>
          <xdr:col>1</xdr:col>
          <xdr:colOff>411480</xdr:colOff>
          <xdr:row>27</xdr:row>
          <xdr:rowOff>236220</xdr:rowOff>
        </xdr:to>
        <xdr:sp macro="" textlink="">
          <xdr:nvSpPr>
            <xdr:cNvPr id="6167" name="Check Box 23" hidden="1">
              <a:extLst>
                <a:ext uri="{63B3BB69-23CF-44E3-9099-C40C66FF867C}">
                  <a14:compatExt spid="_x0000_s6167"/>
                </a:ext>
                <a:ext uri="{FF2B5EF4-FFF2-40B4-BE49-F238E27FC236}">
                  <a16:creationId xmlns:a16="http://schemas.microsoft.com/office/drawing/2014/main" id="{00000000-0008-0000-1900-00001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28</xdr:row>
          <xdr:rowOff>0</xdr:rowOff>
        </xdr:from>
        <xdr:to>
          <xdr:col>1</xdr:col>
          <xdr:colOff>411480</xdr:colOff>
          <xdr:row>28</xdr:row>
          <xdr:rowOff>236220</xdr:rowOff>
        </xdr:to>
        <xdr:sp macro="" textlink="">
          <xdr:nvSpPr>
            <xdr:cNvPr id="6168" name="Check Box 24" hidden="1">
              <a:extLst>
                <a:ext uri="{63B3BB69-23CF-44E3-9099-C40C66FF867C}">
                  <a14:compatExt spid="_x0000_s6168"/>
                </a:ext>
                <a:ext uri="{FF2B5EF4-FFF2-40B4-BE49-F238E27FC236}">
                  <a16:creationId xmlns:a16="http://schemas.microsoft.com/office/drawing/2014/main" id="{00000000-0008-0000-1900-00001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29</xdr:row>
          <xdr:rowOff>0</xdr:rowOff>
        </xdr:from>
        <xdr:to>
          <xdr:col>1</xdr:col>
          <xdr:colOff>411480</xdr:colOff>
          <xdr:row>29</xdr:row>
          <xdr:rowOff>236220</xdr:rowOff>
        </xdr:to>
        <xdr:sp macro="" textlink="">
          <xdr:nvSpPr>
            <xdr:cNvPr id="6169" name="Check Box 25" hidden="1">
              <a:extLst>
                <a:ext uri="{63B3BB69-23CF-44E3-9099-C40C66FF867C}">
                  <a14:compatExt spid="_x0000_s6169"/>
                </a:ext>
                <a:ext uri="{FF2B5EF4-FFF2-40B4-BE49-F238E27FC236}">
                  <a16:creationId xmlns:a16="http://schemas.microsoft.com/office/drawing/2014/main" id="{00000000-0008-0000-1900-00001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30</xdr:row>
          <xdr:rowOff>0</xdr:rowOff>
        </xdr:from>
        <xdr:to>
          <xdr:col>1</xdr:col>
          <xdr:colOff>411480</xdr:colOff>
          <xdr:row>30</xdr:row>
          <xdr:rowOff>236220</xdr:rowOff>
        </xdr:to>
        <xdr:sp macro="" textlink="">
          <xdr:nvSpPr>
            <xdr:cNvPr id="6170" name="Check Box 26" hidden="1">
              <a:extLst>
                <a:ext uri="{63B3BB69-23CF-44E3-9099-C40C66FF867C}">
                  <a14:compatExt spid="_x0000_s6170"/>
                </a:ext>
                <a:ext uri="{FF2B5EF4-FFF2-40B4-BE49-F238E27FC236}">
                  <a16:creationId xmlns:a16="http://schemas.microsoft.com/office/drawing/2014/main" id="{00000000-0008-0000-1900-00001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30</xdr:row>
          <xdr:rowOff>175260</xdr:rowOff>
        </xdr:from>
        <xdr:to>
          <xdr:col>1</xdr:col>
          <xdr:colOff>403860</xdr:colOff>
          <xdr:row>32</xdr:row>
          <xdr:rowOff>99060</xdr:rowOff>
        </xdr:to>
        <xdr:sp macro="" textlink="">
          <xdr:nvSpPr>
            <xdr:cNvPr id="6171" name="Check Box 27" hidden="1">
              <a:extLst>
                <a:ext uri="{63B3BB69-23CF-44E3-9099-C40C66FF867C}">
                  <a14:compatExt spid="_x0000_s6171"/>
                </a:ext>
                <a:ext uri="{FF2B5EF4-FFF2-40B4-BE49-F238E27FC236}">
                  <a16:creationId xmlns:a16="http://schemas.microsoft.com/office/drawing/2014/main" id="{00000000-0008-0000-1900-00001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32</xdr:row>
          <xdr:rowOff>0</xdr:rowOff>
        </xdr:from>
        <xdr:to>
          <xdr:col>1</xdr:col>
          <xdr:colOff>411480</xdr:colOff>
          <xdr:row>32</xdr:row>
          <xdr:rowOff>236220</xdr:rowOff>
        </xdr:to>
        <xdr:sp macro="" textlink="">
          <xdr:nvSpPr>
            <xdr:cNvPr id="6172" name="Check Box 28" hidden="1">
              <a:extLst>
                <a:ext uri="{63B3BB69-23CF-44E3-9099-C40C66FF867C}">
                  <a14:compatExt spid="_x0000_s6172"/>
                </a:ext>
                <a:ext uri="{FF2B5EF4-FFF2-40B4-BE49-F238E27FC236}">
                  <a16:creationId xmlns:a16="http://schemas.microsoft.com/office/drawing/2014/main" id="{00000000-0008-0000-1900-00001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33</xdr:row>
          <xdr:rowOff>0</xdr:rowOff>
        </xdr:from>
        <xdr:to>
          <xdr:col>1</xdr:col>
          <xdr:colOff>411480</xdr:colOff>
          <xdr:row>33</xdr:row>
          <xdr:rowOff>236220</xdr:rowOff>
        </xdr:to>
        <xdr:sp macro="" textlink="">
          <xdr:nvSpPr>
            <xdr:cNvPr id="6173" name="Check Box 29" hidden="1">
              <a:extLst>
                <a:ext uri="{63B3BB69-23CF-44E3-9099-C40C66FF867C}">
                  <a14:compatExt spid="_x0000_s6173"/>
                </a:ext>
                <a:ext uri="{FF2B5EF4-FFF2-40B4-BE49-F238E27FC236}">
                  <a16:creationId xmlns:a16="http://schemas.microsoft.com/office/drawing/2014/main" id="{00000000-0008-0000-1900-00001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25</xdr:row>
          <xdr:rowOff>0</xdr:rowOff>
        </xdr:from>
        <xdr:to>
          <xdr:col>3</xdr:col>
          <xdr:colOff>411480</xdr:colOff>
          <xdr:row>25</xdr:row>
          <xdr:rowOff>236220</xdr:rowOff>
        </xdr:to>
        <xdr:sp macro="" textlink="">
          <xdr:nvSpPr>
            <xdr:cNvPr id="6174" name="Check Box 30" hidden="1">
              <a:extLst>
                <a:ext uri="{63B3BB69-23CF-44E3-9099-C40C66FF867C}">
                  <a14:compatExt spid="_x0000_s6174"/>
                </a:ext>
                <a:ext uri="{FF2B5EF4-FFF2-40B4-BE49-F238E27FC236}">
                  <a16:creationId xmlns:a16="http://schemas.microsoft.com/office/drawing/2014/main" id="{00000000-0008-0000-1900-00001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26</xdr:row>
          <xdr:rowOff>0</xdr:rowOff>
        </xdr:from>
        <xdr:to>
          <xdr:col>3</xdr:col>
          <xdr:colOff>411480</xdr:colOff>
          <xdr:row>26</xdr:row>
          <xdr:rowOff>236220</xdr:rowOff>
        </xdr:to>
        <xdr:sp macro="" textlink="">
          <xdr:nvSpPr>
            <xdr:cNvPr id="6175" name="Check Box 31" hidden="1">
              <a:extLst>
                <a:ext uri="{63B3BB69-23CF-44E3-9099-C40C66FF867C}">
                  <a14:compatExt spid="_x0000_s6175"/>
                </a:ext>
                <a:ext uri="{FF2B5EF4-FFF2-40B4-BE49-F238E27FC236}">
                  <a16:creationId xmlns:a16="http://schemas.microsoft.com/office/drawing/2014/main" id="{00000000-0008-0000-1900-00001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27</xdr:row>
          <xdr:rowOff>0</xdr:rowOff>
        </xdr:from>
        <xdr:to>
          <xdr:col>3</xdr:col>
          <xdr:colOff>411480</xdr:colOff>
          <xdr:row>27</xdr:row>
          <xdr:rowOff>236220</xdr:rowOff>
        </xdr:to>
        <xdr:sp macro="" textlink="">
          <xdr:nvSpPr>
            <xdr:cNvPr id="6176" name="Check Box 32" hidden="1">
              <a:extLst>
                <a:ext uri="{63B3BB69-23CF-44E3-9099-C40C66FF867C}">
                  <a14:compatExt spid="_x0000_s6176"/>
                </a:ext>
                <a:ext uri="{FF2B5EF4-FFF2-40B4-BE49-F238E27FC236}">
                  <a16:creationId xmlns:a16="http://schemas.microsoft.com/office/drawing/2014/main" id="{00000000-0008-0000-1900-00002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28</xdr:row>
          <xdr:rowOff>0</xdr:rowOff>
        </xdr:from>
        <xdr:to>
          <xdr:col>3</xdr:col>
          <xdr:colOff>411480</xdr:colOff>
          <xdr:row>28</xdr:row>
          <xdr:rowOff>236220</xdr:rowOff>
        </xdr:to>
        <xdr:sp macro="" textlink="">
          <xdr:nvSpPr>
            <xdr:cNvPr id="6177" name="Check Box 33" hidden="1">
              <a:extLst>
                <a:ext uri="{63B3BB69-23CF-44E3-9099-C40C66FF867C}">
                  <a14:compatExt spid="_x0000_s6177"/>
                </a:ext>
                <a:ext uri="{FF2B5EF4-FFF2-40B4-BE49-F238E27FC236}">
                  <a16:creationId xmlns:a16="http://schemas.microsoft.com/office/drawing/2014/main" id="{00000000-0008-0000-1900-00002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29</xdr:row>
          <xdr:rowOff>0</xdr:rowOff>
        </xdr:from>
        <xdr:to>
          <xdr:col>3</xdr:col>
          <xdr:colOff>411480</xdr:colOff>
          <xdr:row>29</xdr:row>
          <xdr:rowOff>236220</xdr:rowOff>
        </xdr:to>
        <xdr:sp macro="" textlink="">
          <xdr:nvSpPr>
            <xdr:cNvPr id="6178" name="Check Box 34" hidden="1">
              <a:extLst>
                <a:ext uri="{63B3BB69-23CF-44E3-9099-C40C66FF867C}">
                  <a14:compatExt spid="_x0000_s6178"/>
                </a:ext>
                <a:ext uri="{FF2B5EF4-FFF2-40B4-BE49-F238E27FC236}">
                  <a16:creationId xmlns:a16="http://schemas.microsoft.com/office/drawing/2014/main" id="{00000000-0008-0000-1900-00002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30</xdr:row>
          <xdr:rowOff>0</xdr:rowOff>
        </xdr:from>
        <xdr:to>
          <xdr:col>3</xdr:col>
          <xdr:colOff>411480</xdr:colOff>
          <xdr:row>30</xdr:row>
          <xdr:rowOff>236220</xdr:rowOff>
        </xdr:to>
        <xdr:sp macro="" textlink="">
          <xdr:nvSpPr>
            <xdr:cNvPr id="6179" name="Check Box 35" hidden="1">
              <a:extLst>
                <a:ext uri="{63B3BB69-23CF-44E3-9099-C40C66FF867C}">
                  <a14:compatExt spid="_x0000_s6179"/>
                </a:ext>
                <a:ext uri="{FF2B5EF4-FFF2-40B4-BE49-F238E27FC236}">
                  <a16:creationId xmlns:a16="http://schemas.microsoft.com/office/drawing/2014/main" id="{00000000-0008-0000-1900-00002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30</xdr:row>
          <xdr:rowOff>213360</xdr:rowOff>
        </xdr:from>
        <xdr:to>
          <xdr:col>3</xdr:col>
          <xdr:colOff>403860</xdr:colOff>
          <xdr:row>32</xdr:row>
          <xdr:rowOff>121920</xdr:rowOff>
        </xdr:to>
        <xdr:sp macro="" textlink="">
          <xdr:nvSpPr>
            <xdr:cNvPr id="6180" name="Check Box 36" hidden="1">
              <a:extLst>
                <a:ext uri="{63B3BB69-23CF-44E3-9099-C40C66FF867C}">
                  <a14:compatExt spid="_x0000_s6180"/>
                </a:ext>
                <a:ext uri="{FF2B5EF4-FFF2-40B4-BE49-F238E27FC236}">
                  <a16:creationId xmlns:a16="http://schemas.microsoft.com/office/drawing/2014/main" id="{00000000-0008-0000-1900-00002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32</xdr:row>
          <xdr:rowOff>0</xdr:rowOff>
        </xdr:from>
        <xdr:to>
          <xdr:col>3</xdr:col>
          <xdr:colOff>411480</xdr:colOff>
          <xdr:row>32</xdr:row>
          <xdr:rowOff>236220</xdr:rowOff>
        </xdr:to>
        <xdr:sp macro="" textlink="">
          <xdr:nvSpPr>
            <xdr:cNvPr id="6181" name="Check Box 37" hidden="1">
              <a:extLst>
                <a:ext uri="{63B3BB69-23CF-44E3-9099-C40C66FF867C}">
                  <a14:compatExt spid="_x0000_s6181"/>
                </a:ext>
                <a:ext uri="{FF2B5EF4-FFF2-40B4-BE49-F238E27FC236}">
                  <a16:creationId xmlns:a16="http://schemas.microsoft.com/office/drawing/2014/main" id="{00000000-0008-0000-1900-00002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33</xdr:row>
          <xdr:rowOff>0</xdr:rowOff>
        </xdr:from>
        <xdr:to>
          <xdr:col>3</xdr:col>
          <xdr:colOff>411480</xdr:colOff>
          <xdr:row>33</xdr:row>
          <xdr:rowOff>236220</xdr:rowOff>
        </xdr:to>
        <xdr:sp macro="" textlink="">
          <xdr:nvSpPr>
            <xdr:cNvPr id="6182" name="Check Box 38" hidden="1">
              <a:extLst>
                <a:ext uri="{63B3BB69-23CF-44E3-9099-C40C66FF867C}">
                  <a14:compatExt spid="_x0000_s6182"/>
                </a:ext>
                <a:ext uri="{FF2B5EF4-FFF2-40B4-BE49-F238E27FC236}">
                  <a16:creationId xmlns:a16="http://schemas.microsoft.com/office/drawing/2014/main" id="{00000000-0008-0000-1900-00002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37</xdr:row>
          <xdr:rowOff>0</xdr:rowOff>
        </xdr:from>
        <xdr:to>
          <xdr:col>1</xdr:col>
          <xdr:colOff>411480</xdr:colOff>
          <xdr:row>37</xdr:row>
          <xdr:rowOff>236220</xdr:rowOff>
        </xdr:to>
        <xdr:sp macro="" textlink="">
          <xdr:nvSpPr>
            <xdr:cNvPr id="6183" name="Check Box 39" hidden="1">
              <a:extLst>
                <a:ext uri="{63B3BB69-23CF-44E3-9099-C40C66FF867C}">
                  <a14:compatExt spid="_x0000_s6183"/>
                </a:ext>
                <a:ext uri="{FF2B5EF4-FFF2-40B4-BE49-F238E27FC236}">
                  <a16:creationId xmlns:a16="http://schemas.microsoft.com/office/drawing/2014/main" id="{00000000-0008-0000-1900-00002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38</xdr:row>
          <xdr:rowOff>0</xdr:rowOff>
        </xdr:from>
        <xdr:to>
          <xdr:col>1</xdr:col>
          <xdr:colOff>411480</xdr:colOff>
          <xdr:row>38</xdr:row>
          <xdr:rowOff>236220</xdr:rowOff>
        </xdr:to>
        <xdr:sp macro="" textlink="">
          <xdr:nvSpPr>
            <xdr:cNvPr id="6184" name="Check Box 40" hidden="1">
              <a:extLst>
                <a:ext uri="{63B3BB69-23CF-44E3-9099-C40C66FF867C}">
                  <a14:compatExt spid="_x0000_s6184"/>
                </a:ext>
                <a:ext uri="{FF2B5EF4-FFF2-40B4-BE49-F238E27FC236}">
                  <a16:creationId xmlns:a16="http://schemas.microsoft.com/office/drawing/2014/main" id="{00000000-0008-0000-1900-00002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39</xdr:row>
          <xdr:rowOff>0</xdr:rowOff>
        </xdr:from>
        <xdr:to>
          <xdr:col>1</xdr:col>
          <xdr:colOff>411480</xdr:colOff>
          <xdr:row>39</xdr:row>
          <xdr:rowOff>236220</xdr:rowOff>
        </xdr:to>
        <xdr:sp macro="" textlink="">
          <xdr:nvSpPr>
            <xdr:cNvPr id="6185" name="Check Box 41" hidden="1">
              <a:extLst>
                <a:ext uri="{63B3BB69-23CF-44E3-9099-C40C66FF867C}">
                  <a14:compatExt spid="_x0000_s6185"/>
                </a:ext>
                <a:ext uri="{FF2B5EF4-FFF2-40B4-BE49-F238E27FC236}">
                  <a16:creationId xmlns:a16="http://schemas.microsoft.com/office/drawing/2014/main" id="{00000000-0008-0000-1900-00002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41</xdr:row>
          <xdr:rowOff>0</xdr:rowOff>
        </xdr:from>
        <xdr:to>
          <xdr:col>1</xdr:col>
          <xdr:colOff>411480</xdr:colOff>
          <xdr:row>41</xdr:row>
          <xdr:rowOff>236220</xdr:rowOff>
        </xdr:to>
        <xdr:sp macro="" textlink="">
          <xdr:nvSpPr>
            <xdr:cNvPr id="6186" name="Check Box 42" hidden="1">
              <a:extLst>
                <a:ext uri="{63B3BB69-23CF-44E3-9099-C40C66FF867C}">
                  <a14:compatExt spid="_x0000_s6186"/>
                </a:ext>
                <a:ext uri="{FF2B5EF4-FFF2-40B4-BE49-F238E27FC236}">
                  <a16:creationId xmlns:a16="http://schemas.microsoft.com/office/drawing/2014/main" id="{00000000-0008-0000-1900-00002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37</xdr:row>
          <xdr:rowOff>0</xdr:rowOff>
        </xdr:from>
        <xdr:to>
          <xdr:col>3</xdr:col>
          <xdr:colOff>411480</xdr:colOff>
          <xdr:row>37</xdr:row>
          <xdr:rowOff>236220</xdr:rowOff>
        </xdr:to>
        <xdr:sp macro="" textlink="">
          <xdr:nvSpPr>
            <xdr:cNvPr id="6187" name="Check Box 43" hidden="1">
              <a:extLst>
                <a:ext uri="{63B3BB69-23CF-44E3-9099-C40C66FF867C}">
                  <a14:compatExt spid="_x0000_s6187"/>
                </a:ext>
                <a:ext uri="{FF2B5EF4-FFF2-40B4-BE49-F238E27FC236}">
                  <a16:creationId xmlns:a16="http://schemas.microsoft.com/office/drawing/2014/main" id="{00000000-0008-0000-1900-00002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38</xdr:row>
          <xdr:rowOff>0</xdr:rowOff>
        </xdr:from>
        <xdr:to>
          <xdr:col>3</xdr:col>
          <xdr:colOff>411480</xdr:colOff>
          <xdr:row>38</xdr:row>
          <xdr:rowOff>236220</xdr:rowOff>
        </xdr:to>
        <xdr:sp macro="" textlink="">
          <xdr:nvSpPr>
            <xdr:cNvPr id="6188" name="Check Box 44" hidden="1">
              <a:extLst>
                <a:ext uri="{63B3BB69-23CF-44E3-9099-C40C66FF867C}">
                  <a14:compatExt spid="_x0000_s6188"/>
                </a:ext>
                <a:ext uri="{FF2B5EF4-FFF2-40B4-BE49-F238E27FC236}">
                  <a16:creationId xmlns:a16="http://schemas.microsoft.com/office/drawing/2014/main" id="{00000000-0008-0000-1900-00002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39</xdr:row>
          <xdr:rowOff>0</xdr:rowOff>
        </xdr:from>
        <xdr:to>
          <xdr:col>3</xdr:col>
          <xdr:colOff>411480</xdr:colOff>
          <xdr:row>39</xdr:row>
          <xdr:rowOff>236220</xdr:rowOff>
        </xdr:to>
        <xdr:sp macro="" textlink="">
          <xdr:nvSpPr>
            <xdr:cNvPr id="6189" name="Check Box 45" hidden="1">
              <a:extLst>
                <a:ext uri="{63B3BB69-23CF-44E3-9099-C40C66FF867C}">
                  <a14:compatExt spid="_x0000_s6189"/>
                </a:ext>
                <a:ext uri="{FF2B5EF4-FFF2-40B4-BE49-F238E27FC236}">
                  <a16:creationId xmlns:a16="http://schemas.microsoft.com/office/drawing/2014/main" id="{00000000-0008-0000-1900-00002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41</xdr:row>
          <xdr:rowOff>0</xdr:rowOff>
        </xdr:from>
        <xdr:to>
          <xdr:col>3</xdr:col>
          <xdr:colOff>411480</xdr:colOff>
          <xdr:row>41</xdr:row>
          <xdr:rowOff>236220</xdr:rowOff>
        </xdr:to>
        <xdr:sp macro="" textlink="">
          <xdr:nvSpPr>
            <xdr:cNvPr id="6190" name="Check Box 46" hidden="1">
              <a:extLst>
                <a:ext uri="{63B3BB69-23CF-44E3-9099-C40C66FF867C}">
                  <a14:compatExt spid="_x0000_s6190"/>
                </a:ext>
                <a:ext uri="{FF2B5EF4-FFF2-40B4-BE49-F238E27FC236}">
                  <a16:creationId xmlns:a16="http://schemas.microsoft.com/office/drawing/2014/main" id="{00000000-0008-0000-1900-00002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40</xdr:row>
          <xdr:rowOff>0</xdr:rowOff>
        </xdr:from>
        <xdr:to>
          <xdr:col>1</xdr:col>
          <xdr:colOff>411480</xdr:colOff>
          <xdr:row>40</xdr:row>
          <xdr:rowOff>236220</xdr:rowOff>
        </xdr:to>
        <xdr:sp macro="" textlink="">
          <xdr:nvSpPr>
            <xdr:cNvPr id="6191" name="Check Box 47" hidden="1">
              <a:extLst>
                <a:ext uri="{63B3BB69-23CF-44E3-9099-C40C66FF867C}">
                  <a14:compatExt spid="_x0000_s6191"/>
                </a:ext>
                <a:ext uri="{FF2B5EF4-FFF2-40B4-BE49-F238E27FC236}">
                  <a16:creationId xmlns:a16="http://schemas.microsoft.com/office/drawing/2014/main" id="{00000000-0008-0000-1900-00002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40</xdr:row>
          <xdr:rowOff>0</xdr:rowOff>
        </xdr:from>
        <xdr:to>
          <xdr:col>3</xdr:col>
          <xdr:colOff>411480</xdr:colOff>
          <xdr:row>40</xdr:row>
          <xdr:rowOff>236220</xdr:rowOff>
        </xdr:to>
        <xdr:sp macro="" textlink="">
          <xdr:nvSpPr>
            <xdr:cNvPr id="6192" name="Check Box 48" hidden="1">
              <a:extLst>
                <a:ext uri="{63B3BB69-23CF-44E3-9099-C40C66FF867C}">
                  <a14:compatExt spid="_x0000_s6192"/>
                </a:ext>
                <a:ext uri="{FF2B5EF4-FFF2-40B4-BE49-F238E27FC236}">
                  <a16:creationId xmlns:a16="http://schemas.microsoft.com/office/drawing/2014/main" id="{00000000-0008-0000-1900-00003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45</xdr:row>
          <xdr:rowOff>0</xdr:rowOff>
        </xdr:from>
        <xdr:to>
          <xdr:col>1</xdr:col>
          <xdr:colOff>411480</xdr:colOff>
          <xdr:row>45</xdr:row>
          <xdr:rowOff>236220</xdr:rowOff>
        </xdr:to>
        <xdr:sp macro="" textlink="">
          <xdr:nvSpPr>
            <xdr:cNvPr id="6193" name="Check Box 49" hidden="1">
              <a:extLst>
                <a:ext uri="{63B3BB69-23CF-44E3-9099-C40C66FF867C}">
                  <a14:compatExt spid="_x0000_s6193"/>
                </a:ext>
                <a:ext uri="{FF2B5EF4-FFF2-40B4-BE49-F238E27FC236}">
                  <a16:creationId xmlns:a16="http://schemas.microsoft.com/office/drawing/2014/main" id="{00000000-0008-0000-1900-00003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46</xdr:row>
          <xdr:rowOff>0</xdr:rowOff>
        </xdr:from>
        <xdr:to>
          <xdr:col>1</xdr:col>
          <xdr:colOff>411480</xdr:colOff>
          <xdr:row>46</xdr:row>
          <xdr:rowOff>236220</xdr:rowOff>
        </xdr:to>
        <xdr:sp macro="" textlink="">
          <xdr:nvSpPr>
            <xdr:cNvPr id="6194" name="Check Box 50" hidden="1">
              <a:extLst>
                <a:ext uri="{63B3BB69-23CF-44E3-9099-C40C66FF867C}">
                  <a14:compatExt spid="_x0000_s6194"/>
                </a:ext>
                <a:ext uri="{FF2B5EF4-FFF2-40B4-BE49-F238E27FC236}">
                  <a16:creationId xmlns:a16="http://schemas.microsoft.com/office/drawing/2014/main" id="{00000000-0008-0000-1900-00003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47</xdr:row>
          <xdr:rowOff>0</xdr:rowOff>
        </xdr:from>
        <xdr:to>
          <xdr:col>1</xdr:col>
          <xdr:colOff>411480</xdr:colOff>
          <xdr:row>47</xdr:row>
          <xdr:rowOff>236220</xdr:rowOff>
        </xdr:to>
        <xdr:sp macro="" textlink="">
          <xdr:nvSpPr>
            <xdr:cNvPr id="6195" name="Check Box 51" hidden="1">
              <a:extLst>
                <a:ext uri="{63B3BB69-23CF-44E3-9099-C40C66FF867C}">
                  <a14:compatExt spid="_x0000_s6195"/>
                </a:ext>
                <a:ext uri="{FF2B5EF4-FFF2-40B4-BE49-F238E27FC236}">
                  <a16:creationId xmlns:a16="http://schemas.microsoft.com/office/drawing/2014/main" id="{00000000-0008-0000-1900-00003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47</xdr:row>
          <xdr:rowOff>0</xdr:rowOff>
        </xdr:from>
        <xdr:to>
          <xdr:col>1</xdr:col>
          <xdr:colOff>411480</xdr:colOff>
          <xdr:row>47</xdr:row>
          <xdr:rowOff>236220</xdr:rowOff>
        </xdr:to>
        <xdr:sp macro="" textlink="">
          <xdr:nvSpPr>
            <xdr:cNvPr id="6196" name="Check Box 52" hidden="1">
              <a:extLst>
                <a:ext uri="{63B3BB69-23CF-44E3-9099-C40C66FF867C}">
                  <a14:compatExt spid="_x0000_s6196"/>
                </a:ext>
                <a:ext uri="{FF2B5EF4-FFF2-40B4-BE49-F238E27FC236}">
                  <a16:creationId xmlns:a16="http://schemas.microsoft.com/office/drawing/2014/main" id="{00000000-0008-0000-1900-00003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45</xdr:row>
          <xdr:rowOff>0</xdr:rowOff>
        </xdr:from>
        <xdr:to>
          <xdr:col>3</xdr:col>
          <xdr:colOff>411480</xdr:colOff>
          <xdr:row>45</xdr:row>
          <xdr:rowOff>236220</xdr:rowOff>
        </xdr:to>
        <xdr:sp macro="" textlink="">
          <xdr:nvSpPr>
            <xdr:cNvPr id="6197" name="Check Box 53" hidden="1">
              <a:extLst>
                <a:ext uri="{63B3BB69-23CF-44E3-9099-C40C66FF867C}">
                  <a14:compatExt spid="_x0000_s6197"/>
                </a:ext>
                <a:ext uri="{FF2B5EF4-FFF2-40B4-BE49-F238E27FC236}">
                  <a16:creationId xmlns:a16="http://schemas.microsoft.com/office/drawing/2014/main" id="{00000000-0008-0000-1900-00003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46</xdr:row>
          <xdr:rowOff>0</xdr:rowOff>
        </xdr:from>
        <xdr:to>
          <xdr:col>3</xdr:col>
          <xdr:colOff>411480</xdr:colOff>
          <xdr:row>46</xdr:row>
          <xdr:rowOff>236220</xdr:rowOff>
        </xdr:to>
        <xdr:sp macro="" textlink="">
          <xdr:nvSpPr>
            <xdr:cNvPr id="6198" name="Check Box 54" hidden="1">
              <a:extLst>
                <a:ext uri="{63B3BB69-23CF-44E3-9099-C40C66FF867C}">
                  <a14:compatExt spid="_x0000_s6198"/>
                </a:ext>
                <a:ext uri="{FF2B5EF4-FFF2-40B4-BE49-F238E27FC236}">
                  <a16:creationId xmlns:a16="http://schemas.microsoft.com/office/drawing/2014/main" id="{00000000-0008-0000-1900-00003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47</xdr:row>
          <xdr:rowOff>0</xdr:rowOff>
        </xdr:from>
        <xdr:to>
          <xdr:col>3</xdr:col>
          <xdr:colOff>411480</xdr:colOff>
          <xdr:row>47</xdr:row>
          <xdr:rowOff>236220</xdr:rowOff>
        </xdr:to>
        <xdr:sp macro="" textlink="">
          <xdr:nvSpPr>
            <xdr:cNvPr id="6199" name="Check Box 55" hidden="1">
              <a:extLst>
                <a:ext uri="{63B3BB69-23CF-44E3-9099-C40C66FF867C}">
                  <a14:compatExt spid="_x0000_s6199"/>
                </a:ext>
                <a:ext uri="{FF2B5EF4-FFF2-40B4-BE49-F238E27FC236}">
                  <a16:creationId xmlns:a16="http://schemas.microsoft.com/office/drawing/2014/main" id="{00000000-0008-0000-1900-00003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47</xdr:row>
          <xdr:rowOff>0</xdr:rowOff>
        </xdr:from>
        <xdr:to>
          <xdr:col>3</xdr:col>
          <xdr:colOff>411480</xdr:colOff>
          <xdr:row>47</xdr:row>
          <xdr:rowOff>236220</xdr:rowOff>
        </xdr:to>
        <xdr:sp macro="" textlink="">
          <xdr:nvSpPr>
            <xdr:cNvPr id="6200" name="Check Box 56" hidden="1">
              <a:extLst>
                <a:ext uri="{63B3BB69-23CF-44E3-9099-C40C66FF867C}">
                  <a14:compatExt spid="_x0000_s6200"/>
                </a:ext>
                <a:ext uri="{FF2B5EF4-FFF2-40B4-BE49-F238E27FC236}">
                  <a16:creationId xmlns:a16="http://schemas.microsoft.com/office/drawing/2014/main" id="{00000000-0008-0000-1900-00003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47</xdr:row>
          <xdr:rowOff>0</xdr:rowOff>
        </xdr:from>
        <xdr:to>
          <xdr:col>1</xdr:col>
          <xdr:colOff>411480</xdr:colOff>
          <xdr:row>47</xdr:row>
          <xdr:rowOff>236220</xdr:rowOff>
        </xdr:to>
        <xdr:sp macro="" textlink="">
          <xdr:nvSpPr>
            <xdr:cNvPr id="6201" name="Check Box 57" hidden="1">
              <a:extLst>
                <a:ext uri="{63B3BB69-23CF-44E3-9099-C40C66FF867C}">
                  <a14:compatExt spid="_x0000_s6201"/>
                </a:ext>
                <a:ext uri="{FF2B5EF4-FFF2-40B4-BE49-F238E27FC236}">
                  <a16:creationId xmlns:a16="http://schemas.microsoft.com/office/drawing/2014/main" id="{00000000-0008-0000-1900-00003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47</xdr:row>
          <xdr:rowOff>0</xdr:rowOff>
        </xdr:from>
        <xdr:to>
          <xdr:col>3</xdr:col>
          <xdr:colOff>411480</xdr:colOff>
          <xdr:row>47</xdr:row>
          <xdr:rowOff>236220</xdr:rowOff>
        </xdr:to>
        <xdr:sp macro="" textlink="">
          <xdr:nvSpPr>
            <xdr:cNvPr id="6202" name="Check Box 58" hidden="1">
              <a:extLst>
                <a:ext uri="{63B3BB69-23CF-44E3-9099-C40C66FF867C}">
                  <a14:compatExt spid="_x0000_s6202"/>
                </a:ext>
                <a:ext uri="{FF2B5EF4-FFF2-40B4-BE49-F238E27FC236}">
                  <a16:creationId xmlns:a16="http://schemas.microsoft.com/office/drawing/2014/main" id="{00000000-0008-0000-1900-00003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51</xdr:row>
          <xdr:rowOff>0</xdr:rowOff>
        </xdr:from>
        <xdr:to>
          <xdr:col>1</xdr:col>
          <xdr:colOff>411480</xdr:colOff>
          <xdr:row>51</xdr:row>
          <xdr:rowOff>236220</xdr:rowOff>
        </xdr:to>
        <xdr:sp macro="" textlink="">
          <xdr:nvSpPr>
            <xdr:cNvPr id="6203" name="Check Box 59" hidden="1">
              <a:extLst>
                <a:ext uri="{63B3BB69-23CF-44E3-9099-C40C66FF867C}">
                  <a14:compatExt spid="_x0000_s6203"/>
                </a:ext>
                <a:ext uri="{FF2B5EF4-FFF2-40B4-BE49-F238E27FC236}">
                  <a16:creationId xmlns:a16="http://schemas.microsoft.com/office/drawing/2014/main" id="{00000000-0008-0000-1900-00003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53</xdr:row>
          <xdr:rowOff>0</xdr:rowOff>
        </xdr:from>
        <xdr:to>
          <xdr:col>1</xdr:col>
          <xdr:colOff>411480</xdr:colOff>
          <xdr:row>53</xdr:row>
          <xdr:rowOff>236220</xdr:rowOff>
        </xdr:to>
        <xdr:sp macro="" textlink="">
          <xdr:nvSpPr>
            <xdr:cNvPr id="6204" name="Check Box 60" hidden="1">
              <a:extLst>
                <a:ext uri="{63B3BB69-23CF-44E3-9099-C40C66FF867C}">
                  <a14:compatExt spid="_x0000_s6204"/>
                </a:ext>
                <a:ext uri="{FF2B5EF4-FFF2-40B4-BE49-F238E27FC236}">
                  <a16:creationId xmlns:a16="http://schemas.microsoft.com/office/drawing/2014/main" id="{00000000-0008-0000-1900-00003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53</xdr:row>
          <xdr:rowOff>0</xdr:rowOff>
        </xdr:from>
        <xdr:to>
          <xdr:col>1</xdr:col>
          <xdr:colOff>411480</xdr:colOff>
          <xdr:row>53</xdr:row>
          <xdr:rowOff>236220</xdr:rowOff>
        </xdr:to>
        <xdr:sp macro="" textlink="">
          <xdr:nvSpPr>
            <xdr:cNvPr id="6205" name="Check Box 61" hidden="1">
              <a:extLst>
                <a:ext uri="{63B3BB69-23CF-44E3-9099-C40C66FF867C}">
                  <a14:compatExt spid="_x0000_s6205"/>
                </a:ext>
                <a:ext uri="{FF2B5EF4-FFF2-40B4-BE49-F238E27FC236}">
                  <a16:creationId xmlns:a16="http://schemas.microsoft.com/office/drawing/2014/main" id="{00000000-0008-0000-1900-00003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53</xdr:row>
          <xdr:rowOff>0</xdr:rowOff>
        </xdr:from>
        <xdr:to>
          <xdr:col>1</xdr:col>
          <xdr:colOff>411480</xdr:colOff>
          <xdr:row>53</xdr:row>
          <xdr:rowOff>236220</xdr:rowOff>
        </xdr:to>
        <xdr:sp macro="" textlink="">
          <xdr:nvSpPr>
            <xdr:cNvPr id="6206" name="Check Box 62" hidden="1">
              <a:extLst>
                <a:ext uri="{63B3BB69-23CF-44E3-9099-C40C66FF867C}">
                  <a14:compatExt spid="_x0000_s6206"/>
                </a:ext>
                <a:ext uri="{FF2B5EF4-FFF2-40B4-BE49-F238E27FC236}">
                  <a16:creationId xmlns:a16="http://schemas.microsoft.com/office/drawing/2014/main" id="{00000000-0008-0000-1900-00003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1</xdr:row>
          <xdr:rowOff>0</xdr:rowOff>
        </xdr:from>
        <xdr:to>
          <xdr:col>3</xdr:col>
          <xdr:colOff>411480</xdr:colOff>
          <xdr:row>51</xdr:row>
          <xdr:rowOff>236220</xdr:rowOff>
        </xdr:to>
        <xdr:sp macro="" textlink="">
          <xdr:nvSpPr>
            <xdr:cNvPr id="6207" name="Check Box 63" hidden="1">
              <a:extLst>
                <a:ext uri="{63B3BB69-23CF-44E3-9099-C40C66FF867C}">
                  <a14:compatExt spid="_x0000_s6207"/>
                </a:ext>
                <a:ext uri="{FF2B5EF4-FFF2-40B4-BE49-F238E27FC236}">
                  <a16:creationId xmlns:a16="http://schemas.microsoft.com/office/drawing/2014/main" id="{00000000-0008-0000-1900-00003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3</xdr:row>
          <xdr:rowOff>0</xdr:rowOff>
        </xdr:from>
        <xdr:to>
          <xdr:col>3</xdr:col>
          <xdr:colOff>411480</xdr:colOff>
          <xdr:row>53</xdr:row>
          <xdr:rowOff>236220</xdr:rowOff>
        </xdr:to>
        <xdr:sp macro="" textlink="">
          <xdr:nvSpPr>
            <xdr:cNvPr id="6208" name="Check Box 64" hidden="1">
              <a:extLst>
                <a:ext uri="{63B3BB69-23CF-44E3-9099-C40C66FF867C}">
                  <a14:compatExt spid="_x0000_s6208"/>
                </a:ext>
                <a:ext uri="{FF2B5EF4-FFF2-40B4-BE49-F238E27FC236}">
                  <a16:creationId xmlns:a16="http://schemas.microsoft.com/office/drawing/2014/main" id="{00000000-0008-0000-1900-00004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3</xdr:row>
          <xdr:rowOff>0</xdr:rowOff>
        </xdr:from>
        <xdr:to>
          <xdr:col>3</xdr:col>
          <xdr:colOff>411480</xdr:colOff>
          <xdr:row>53</xdr:row>
          <xdr:rowOff>236220</xdr:rowOff>
        </xdr:to>
        <xdr:sp macro="" textlink="">
          <xdr:nvSpPr>
            <xdr:cNvPr id="6209" name="Check Box 65" hidden="1">
              <a:extLst>
                <a:ext uri="{63B3BB69-23CF-44E3-9099-C40C66FF867C}">
                  <a14:compatExt spid="_x0000_s6209"/>
                </a:ext>
                <a:ext uri="{FF2B5EF4-FFF2-40B4-BE49-F238E27FC236}">
                  <a16:creationId xmlns:a16="http://schemas.microsoft.com/office/drawing/2014/main" id="{00000000-0008-0000-1900-00004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3</xdr:row>
          <xdr:rowOff>0</xdr:rowOff>
        </xdr:from>
        <xdr:to>
          <xdr:col>3</xdr:col>
          <xdr:colOff>411480</xdr:colOff>
          <xdr:row>53</xdr:row>
          <xdr:rowOff>236220</xdr:rowOff>
        </xdr:to>
        <xdr:sp macro="" textlink="">
          <xdr:nvSpPr>
            <xdr:cNvPr id="6210" name="Check Box 66" hidden="1">
              <a:extLst>
                <a:ext uri="{63B3BB69-23CF-44E3-9099-C40C66FF867C}">
                  <a14:compatExt spid="_x0000_s6210"/>
                </a:ext>
                <a:ext uri="{FF2B5EF4-FFF2-40B4-BE49-F238E27FC236}">
                  <a16:creationId xmlns:a16="http://schemas.microsoft.com/office/drawing/2014/main" id="{00000000-0008-0000-1900-00004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53</xdr:row>
          <xdr:rowOff>0</xdr:rowOff>
        </xdr:from>
        <xdr:to>
          <xdr:col>1</xdr:col>
          <xdr:colOff>411480</xdr:colOff>
          <xdr:row>53</xdr:row>
          <xdr:rowOff>236220</xdr:rowOff>
        </xdr:to>
        <xdr:sp macro="" textlink="">
          <xdr:nvSpPr>
            <xdr:cNvPr id="6211" name="Check Box 67" hidden="1">
              <a:extLst>
                <a:ext uri="{63B3BB69-23CF-44E3-9099-C40C66FF867C}">
                  <a14:compatExt spid="_x0000_s6211"/>
                </a:ext>
                <a:ext uri="{FF2B5EF4-FFF2-40B4-BE49-F238E27FC236}">
                  <a16:creationId xmlns:a16="http://schemas.microsoft.com/office/drawing/2014/main" id="{00000000-0008-0000-1900-00004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3</xdr:row>
          <xdr:rowOff>0</xdr:rowOff>
        </xdr:from>
        <xdr:to>
          <xdr:col>3</xdr:col>
          <xdr:colOff>411480</xdr:colOff>
          <xdr:row>53</xdr:row>
          <xdr:rowOff>236220</xdr:rowOff>
        </xdr:to>
        <xdr:sp macro="" textlink="">
          <xdr:nvSpPr>
            <xdr:cNvPr id="6212" name="Check Box 68" hidden="1">
              <a:extLst>
                <a:ext uri="{63B3BB69-23CF-44E3-9099-C40C66FF867C}">
                  <a14:compatExt spid="_x0000_s6212"/>
                </a:ext>
                <a:ext uri="{FF2B5EF4-FFF2-40B4-BE49-F238E27FC236}">
                  <a16:creationId xmlns:a16="http://schemas.microsoft.com/office/drawing/2014/main" id="{00000000-0008-0000-1900-00004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57</xdr:row>
          <xdr:rowOff>0</xdr:rowOff>
        </xdr:from>
        <xdr:to>
          <xdr:col>1</xdr:col>
          <xdr:colOff>411480</xdr:colOff>
          <xdr:row>57</xdr:row>
          <xdr:rowOff>236220</xdr:rowOff>
        </xdr:to>
        <xdr:sp macro="" textlink="">
          <xdr:nvSpPr>
            <xdr:cNvPr id="6213" name="Check Box 69" hidden="1">
              <a:extLst>
                <a:ext uri="{63B3BB69-23CF-44E3-9099-C40C66FF867C}">
                  <a14:compatExt spid="_x0000_s6213"/>
                </a:ext>
                <a:ext uri="{FF2B5EF4-FFF2-40B4-BE49-F238E27FC236}">
                  <a16:creationId xmlns:a16="http://schemas.microsoft.com/office/drawing/2014/main" id="{00000000-0008-0000-1900-00004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58</xdr:row>
          <xdr:rowOff>0</xdr:rowOff>
        </xdr:from>
        <xdr:to>
          <xdr:col>1</xdr:col>
          <xdr:colOff>411480</xdr:colOff>
          <xdr:row>58</xdr:row>
          <xdr:rowOff>236220</xdr:rowOff>
        </xdr:to>
        <xdr:sp macro="" textlink="">
          <xdr:nvSpPr>
            <xdr:cNvPr id="6214" name="Check Box 70" hidden="1">
              <a:extLst>
                <a:ext uri="{63B3BB69-23CF-44E3-9099-C40C66FF867C}">
                  <a14:compatExt spid="_x0000_s6214"/>
                </a:ext>
                <a:ext uri="{FF2B5EF4-FFF2-40B4-BE49-F238E27FC236}">
                  <a16:creationId xmlns:a16="http://schemas.microsoft.com/office/drawing/2014/main" id="{00000000-0008-0000-1900-00004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60</xdr:row>
          <xdr:rowOff>0</xdr:rowOff>
        </xdr:from>
        <xdr:to>
          <xdr:col>1</xdr:col>
          <xdr:colOff>411480</xdr:colOff>
          <xdr:row>60</xdr:row>
          <xdr:rowOff>236220</xdr:rowOff>
        </xdr:to>
        <xdr:sp macro="" textlink="">
          <xdr:nvSpPr>
            <xdr:cNvPr id="6215" name="Check Box 71" hidden="1">
              <a:extLst>
                <a:ext uri="{63B3BB69-23CF-44E3-9099-C40C66FF867C}">
                  <a14:compatExt spid="_x0000_s6215"/>
                </a:ext>
                <a:ext uri="{FF2B5EF4-FFF2-40B4-BE49-F238E27FC236}">
                  <a16:creationId xmlns:a16="http://schemas.microsoft.com/office/drawing/2014/main" id="{00000000-0008-0000-1900-00004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60</xdr:row>
          <xdr:rowOff>0</xdr:rowOff>
        </xdr:from>
        <xdr:to>
          <xdr:col>1</xdr:col>
          <xdr:colOff>411480</xdr:colOff>
          <xdr:row>60</xdr:row>
          <xdr:rowOff>236220</xdr:rowOff>
        </xdr:to>
        <xdr:sp macro="" textlink="">
          <xdr:nvSpPr>
            <xdr:cNvPr id="6216" name="Check Box 72" hidden="1">
              <a:extLst>
                <a:ext uri="{63B3BB69-23CF-44E3-9099-C40C66FF867C}">
                  <a14:compatExt spid="_x0000_s6216"/>
                </a:ext>
                <a:ext uri="{FF2B5EF4-FFF2-40B4-BE49-F238E27FC236}">
                  <a16:creationId xmlns:a16="http://schemas.microsoft.com/office/drawing/2014/main" id="{00000000-0008-0000-1900-00004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7</xdr:row>
          <xdr:rowOff>0</xdr:rowOff>
        </xdr:from>
        <xdr:to>
          <xdr:col>3</xdr:col>
          <xdr:colOff>411480</xdr:colOff>
          <xdr:row>57</xdr:row>
          <xdr:rowOff>236220</xdr:rowOff>
        </xdr:to>
        <xdr:sp macro="" textlink="">
          <xdr:nvSpPr>
            <xdr:cNvPr id="6217" name="Check Box 73" hidden="1">
              <a:extLst>
                <a:ext uri="{63B3BB69-23CF-44E3-9099-C40C66FF867C}">
                  <a14:compatExt spid="_x0000_s6217"/>
                </a:ext>
                <a:ext uri="{FF2B5EF4-FFF2-40B4-BE49-F238E27FC236}">
                  <a16:creationId xmlns:a16="http://schemas.microsoft.com/office/drawing/2014/main" id="{00000000-0008-0000-1900-00004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8</xdr:row>
          <xdr:rowOff>0</xdr:rowOff>
        </xdr:from>
        <xdr:to>
          <xdr:col>3</xdr:col>
          <xdr:colOff>411480</xdr:colOff>
          <xdr:row>58</xdr:row>
          <xdr:rowOff>236220</xdr:rowOff>
        </xdr:to>
        <xdr:sp macro="" textlink="">
          <xdr:nvSpPr>
            <xdr:cNvPr id="6218" name="Check Box 74" hidden="1">
              <a:extLst>
                <a:ext uri="{63B3BB69-23CF-44E3-9099-C40C66FF867C}">
                  <a14:compatExt spid="_x0000_s6218"/>
                </a:ext>
                <a:ext uri="{FF2B5EF4-FFF2-40B4-BE49-F238E27FC236}">
                  <a16:creationId xmlns:a16="http://schemas.microsoft.com/office/drawing/2014/main" id="{00000000-0008-0000-1900-00004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60</xdr:row>
          <xdr:rowOff>0</xdr:rowOff>
        </xdr:from>
        <xdr:to>
          <xdr:col>3</xdr:col>
          <xdr:colOff>411480</xdr:colOff>
          <xdr:row>60</xdr:row>
          <xdr:rowOff>236220</xdr:rowOff>
        </xdr:to>
        <xdr:sp macro="" textlink="">
          <xdr:nvSpPr>
            <xdr:cNvPr id="6219" name="Check Box 75" hidden="1">
              <a:extLst>
                <a:ext uri="{63B3BB69-23CF-44E3-9099-C40C66FF867C}">
                  <a14:compatExt spid="_x0000_s6219"/>
                </a:ext>
                <a:ext uri="{FF2B5EF4-FFF2-40B4-BE49-F238E27FC236}">
                  <a16:creationId xmlns:a16="http://schemas.microsoft.com/office/drawing/2014/main" id="{00000000-0008-0000-1900-00004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60</xdr:row>
          <xdr:rowOff>0</xdr:rowOff>
        </xdr:from>
        <xdr:to>
          <xdr:col>3</xdr:col>
          <xdr:colOff>411480</xdr:colOff>
          <xdr:row>60</xdr:row>
          <xdr:rowOff>236220</xdr:rowOff>
        </xdr:to>
        <xdr:sp macro="" textlink="">
          <xdr:nvSpPr>
            <xdr:cNvPr id="6220" name="Check Box 76" hidden="1">
              <a:extLst>
                <a:ext uri="{63B3BB69-23CF-44E3-9099-C40C66FF867C}">
                  <a14:compatExt spid="_x0000_s6220"/>
                </a:ext>
                <a:ext uri="{FF2B5EF4-FFF2-40B4-BE49-F238E27FC236}">
                  <a16:creationId xmlns:a16="http://schemas.microsoft.com/office/drawing/2014/main" id="{00000000-0008-0000-1900-00004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60</xdr:row>
          <xdr:rowOff>0</xdr:rowOff>
        </xdr:from>
        <xdr:to>
          <xdr:col>1</xdr:col>
          <xdr:colOff>411480</xdr:colOff>
          <xdr:row>60</xdr:row>
          <xdr:rowOff>236220</xdr:rowOff>
        </xdr:to>
        <xdr:sp macro="" textlink="">
          <xdr:nvSpPr>
            <xdr:cNvPr id="6221" name="Check Box 77" hidden="1">
              <a:extLst>
                <a:ext uri="{63B3BB69-23CF-44E3-9099-C40C66FF867C}">
                  <a14:compatExt spid="_x0000_s6221"/>
                </a:ext>
                <a:ext uri="{FF2B5EF4-FFF2-40B4-BE49-F238E27FC236}">
                  <a16:creationId xmlns:a16="http://schemas.microsoft.com/office/drawing/2014/main" id="{00000000-0008-0000-1900-00004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60</xdr:row>
          <xdr:rowOff>0</xdr:rowOff>
        </xdr:from>
        <xdr:to>
          <xdr:col>3</xdr:col>
          <xdr:colOff>411480</xdr:colOff>
          <xdr:row>60</xdr:row>
          <xdr:rowOff>236220</xdr:rowOff>
        </xdr:to>
        <xdr:sp macro="" textlink="">
          <xdr:nvSpPr>
            <xdr:cNvPr id="6222" name="Check Box 78" hidden="1">
              <a:extLst>
                <a:ext uri="{63B3BB69-23CF-44E3-9099-C40C66FF867C}">
                  <a14:compatExt spid="_x0000_s6222"/>
                </a:ext>
                <a:ext uri="{FF2B5EF4-FFF2-40B4-BE49-F238E27FC236}">
                  <a16:creationId xmlns:a16="http://schemas.microsoft.com/office/drawing/2014/main" id="{00000000-0008-0000-1900-00004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65</xdr:row>
          <xdr:rowOff>0</xdr:rowOff>
        </xdr:from>
        <xdr:to>
          <xdr:col>1</xdr:col>
          <xdr:colOff>411480</xdr:colOff>
          <xdr:row>65</xdr:row>
          <xdr:rowOff>236220</xdr:rowOff>
        </xdr:to>
        <xdr:sp macro="" textlink="">
          <xdr:nvSpPr>
            <xdr:cNvPr id="6223" name="Check Box 79" hidden="1">
              <a:extLst>
                <a:ext uri="{63B3BB69-23CF-44E3-9099-C40C66FF867C}">
                  <a14:compatExt spid="_x0000_s6223"/>
                </a:ext>
                <a:ext uri="{FF2B5EF4-FFF2-40B4-BE49-F238E27FC236}">
                  <a16:creationId xmlns:a16="http://schemas.microsoft.com/office/drawing/2014/main" id="{00000000-0008-0000-1900-00004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66</xdr:row>
          <xdr:rowOff>99060</xdr:rowOff>
        </xdr:from>
        <xdr:to>
          <xdr:col>1</xdr:col>
          <xdr:colOff>403860</xdr:colOff>
          <xdr:row>66</xdr:row>
          <xdr:rowOff>335280</xdr:rowOff>
        </xdr:to>
        <xdr:sp macro="" textlink="">
          <xdr:nvSpPr>
            <xdr:cNvPr id="6224" name="Check Box 80" hidden="1">
              <a:extLst>
                <a:ext uri="{63B3BB69-23CF-44E3-9099-C40C66FF867C}">
                  <a14:compatExt spid="_x0000_s6224"/>
                </a:ext>
                <a:ext uri="{FF2B5EF4-FFF2-40B4-BE49-F238E27FC236}">
                  <a16:creationId xmlns:a16="http://schemas.microsoft.com/office/drawing/2014/main" id="{00000000-0008-0000-1900-00005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65</xdr:row>
          <xdr:rowOff>22860</xdr:rowOff>
        </xdr:from>
        <xdr:to>
          <xdr:col>3</xdr:col>
          <xdr:colOff>403860</xdr:colOff>
          <xdr:row>66</xdr:row>
          <xdr:rowOff>22860</xdr:rowOff>
        </xdr:to>
        <xdr:sp macro="" textlink="">
          <xdr:nvSpPr>
            <xdr:cNvPr id="6225" name="Check Box 81" hidden="1">
              <a:extLst>
                <a:ext uri="{63B3BB69-23CF-44E3-9099-C40C66FF867C}">
                  <a14:compatExt spid="_x0000_s6225"/>
                </a:ext>
                <a:ext uri="{FF2B5EF4-FFF2-40B4-BE49-F238E27FC236}">
                  <a16:creationId xmlns:a16="http://schemas.microsoft.com/office/drawing/2014/main" id="{00000000-0008-0000-1900-00005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2</xdr:row>
          <xdr:rowOff>0</xdr:rowOff>
        </xdr:from>
        <xdr:to>
          <xdr:col>3</xdr:col>
          <xdr:colOff>411480</xdr:colOff>
          <xdr:row>52</xdr:row>
          <xdr:rowOff>236220</xdr:rowOff>
        </xdr:to>
        <xdr:sp macro="" textlink="">
          <xdr:nvSpPr>
            <xdr:cNvPr id="6226" name="Check Box 82" hidden="1">
              <a:extLst>
                <a:ext uri="{63B3BB69-23CF-44E3-9099-C40C66FF867C}">
                  <a14:compatExt spid="_x0000_s6226"/>
                </a:ext>
                <a:ext uri="{FF2B5EF4-FFF2-40B4-BE49-F238E27FC236}">
                  <a16:creationId xmlns:a16="http://schemas.microsoft.com/office/drawing/2014/main" id="{00000000-0008-0000-1900-00005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52</xdr:row>
          <xdr:rowOff>0</xdr:rowOff>
        </xdr:from>
        <xdr:to>
          <xdr:col>1</xdr:col>
          <xdr:colOff>411480</xdr:colOff>
          <xdr:row>52</xdr:row>
          <xdr:rowOff>236220</xdr:rowOff>
        </xdr:to>
        <xdr:sp macro="" textlink="">
          <xdr:nvSpPr>
            <xdr:cNvPr id="6227" name="Check Box 83" hidden="1">
              <a:extLst>
                <a:ext uri="{63B3BB69-23CF-44E3-9099-C40C66FF867C}">
                  <a14:compatExt spid="_x0000_s6227"/>
                </a:ext>
                <a:ext uri="{FF2B5EF4-FFF2-40B4-BE49-F238E27FC236}">
                  <a16:creationId xmlns:a16="http://schemas.microsoft.com/office/drawing/2014/main" id="{00000000-0008-0000-1900-00005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59</xdr:row>
          <xdr:rowOff>0</xdr:rowOff>
        </xdr:from>
        <xdr:to>
          <xdr:col>1</xdr:col>
          <xdr:colOff>411480</xdr:colOff>
          <xdr:row>59</xdr:row>
          <xdr:rowOff>236220</xdr:rowOff>
        </xdr:to>
        <xdr:sp macro="" textlink="">
          <xdr:nvSpPr>
            <xdr:cNvPr id="6228" name="Check Box 84" hidden="1">
              <a:extLst>
                <a:ext uri="{63B3BB69-23CF-44E3-9099-C40C66FF867C}">
                  <a14:compatExt spid="_x0000_s6228"/>
                </a:ext>
                <a:ext uri="{FF2B5EF4-FFF2-40B4-BE49-F238E27FC236}">
                  <a16:creationId xmlns:a16="http://schemas.microsoft.com/office/drawing/2014/main" id="{00000000-0008-0000-1900-00005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59</xdr:row>
          <xdr:rowOff>0</xdr:rowOff>
        </xdr:from>
        <xdr:to>
          <xdr:col>3</xdr:col>
          <xdr:colOff>411480</xdr:colOff>
          <xdr:row>59</xdr:row>
          <xdr:rowOff>236220</xdr:rowOff>
        </xdr:to>
        <xdr:sp macro="" textlink="">
          <xdr:nvSpPr>
            <xdr:cNvPr id="6229" name="Check Box 85" hidden="1">
              <a:extLst>
                <a:ext uri="{63B3BB69-23CF-44E3-9099-C40C66FF867C}">
                  <a14:compatExt spid="_x0000_s6229"/>
                </a:ext>
                <a:ext uri="{FF2B5EF4-FFF2-40B4-BE49-F238E27FC236}">
                  <a16:creationId xmlns:a16="http://schemas.microsoft.com/office/drawing/2014/main" id="{00000000-0008-0000-1900-00005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64</xdr:row>
          <xdr:rowOff>0</xdr:rowOff>
        </xdr:from>
        <xdr:to>
          <xdr:col>1</xdr:col>
          <xdr:colOff>365760</xdr:colOff>
          <xdr:row>64</xdr:row>
          <xdr:rowOff>236220</xdr:rowOff>
        </xdr:to>
        <xdr:sp macro="" textlink="">
          <xdr:nvSpPr>
            <xdr:cNvPr id="6230" name="Check Box 86" hidden="1">
              <a:extLst>
                <a:ext uri="{63B3BB69-23CF-44E3-9099-C40C66FF867C}">
                  <a14:compatExt spid="_x0000_s6230"/>
                </a:ext>
                <a:ext uri="{FF2B5EF4-FFF2-40B4-BE49-F238E27FC236}">
                  <a16:creationId xmlns:a16="http://schemas.microsoft.com/office/drawing/2014/main" id="{00000000-0008-0000-1900-00005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64</xdr:row>
          <xdr:rowOff>22860</xdr:rowOff>
        </xdr:from>
        <xdr:to>
          <xdr:col>3</xdr:col>
          <xdr:colOff>365760</xdr:colOff>
          <xdr:row>65</xdr:row>
          <xdr:rowOff>7620</xdr:rowOff>
        </xdr:to>
        <xdr:sp macro="" textlink="">
          <xdr:nvSpPr>
            <xdr:cNvPr id="6231" name="Check Box 87" hidden="1">
              <a:extLst>
                <a:ext uri="{63B3BB69-23CF-44E3-9099-C40C66FF867C}">
                  <a14:compatExt spid="_x0000_s6231"/>
                </a:ext>
                <a:ext uri="{FF2B5EF4-FFF2-40B4-BE49-F238E27FC236}">
                  <a16:creationId xmlns:a16="http://schemas.microsoft.com/office/drawing/2014/main" id="{00000000-0008-0000-1900-00005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22860</xdr:colOff>
          <xdr:row>27</xdr:row>
          <xdr:rowOff>137160</xdr:rowOff>
        </xdr:from>
        <xdr:to>
          <xdr:col>6</xdr:col>
          <xdr:colOff>466725</xdr:colOff>
          <xdr:row>29</xdr:row>
          <xdr:rowOff>0</xdr:rowOff>
        </xdr:to>
        <xdr:sp macro="" textlink="">
          <xdr:nvSpPr>
            <xdr:cNvPr id="11265" name="Check Box 1" hidden="1">
              <a:extLst>
                <a:ext uri="{63B3BB69-23CF-44E3-9099-C40C66FF867C}">
                  <a14:compatExt spid="_x0000_s11265"/>
                </a:ext>
                <a:ext uri="{FF2B5EF4-FFF2-40B4-BE49-F238E27FC236}">
                  <a16:creationId xmlns:a16="http://schemas.microsoft.com/office/drawing/2014/main" id="{00000000-0008-0000-0100-0000012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27</xdr:row>
          <xdr:rowOff>175260</xdr:rowOff>
        </xdr:from>
        <xdr:to>
          <xdr:col>7</xdr:col>
          <xdr:colOff>342900</xdr:colOff>
          <xdr:row>28</xdr:row>
          <xdr:rowOff>200025</xdr:rowOff>
        </xdr:to>
        <xdr:sp macro="" textlink="">
          <xdr:nvSpPr>
            <xdr:cNvPr id="11266" name="Check Box 2" hidden="1">
              <a:extLst>
                <a:ext uri="{63B3BB69-23CF-44E3-9099-C40C66FF867C}">
                  <a14:compatExt spid="_x0000_s11266"/>
                </a:ext>
                <a:ext uri="{FF2B5EF4-FFF2-40B4-BE49-F238E27FC236}">
                  <a16:creationId xmlns:a16="http://schemas.microsoft.com/office/drawing/2014/main" id="{00000000-0008-0000-0100-0000022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8</xdr:row>
          <xdr:rowOff>160020</xdr:rowOff>
        </xdr:from>
        <xdr:to>
          <xdr:col>7</xdr:col>
          <xdr:colOff>219075</xdr:colOff>
          <xdr:row>29</xdr:row>
          <xdr:rowOff>180975</xdr:rowOff>
        </xdr:to>
        <xdr:sp macro="" textlink="">
          <xdr:nvSpPr>
            <xdr:cNvPr id="11267" name="Check Box 3" hidden="1">
              <a:extLst>
                <a:ext uri="{63B3BB69-23CF-44E3-9099-C40C66FF867C}">
                  <a14:compatExt spid="_x0000_s11267"/>
                </a:ext>
                <a:ext uri="{FF2B5EF4-FFF2-40B4-BE49-F238E27FC236}">
                  <a16:creationId xmlns:a16="http://schemas.microsoft.com/office/drawing/2014/main" id="{00000000-0008-0000-0100-0000032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8</xdr:row>
          <xdr:rowOff>144780</xdr:rowOff>
        </xdr:from>
        <xdr:to>
          <xdr:col>8</xdr:col>
          <xdr:colOff>609600</xdr:colOff>
          <xdr:row>29</xdr:row>
          <xdr:rowOff>200025</xdr:rowOff>
        </xdr:to>
        <xdr:sp macro="" textlink="">
          <xdr:nvSpPr>
            <xdr:cNvPr id="11268" name="Check Box 4" hidden="1">
              <a:extLst>
                <a:ext uri="{63B3BB69-23CF-44E3-9099-C40C66FF867C}">
                  <a14:compatExt spid="_x0000_s11268"/>
                </a:ext>
                <a:ext uri="{FF2B5EF4-FFF2-40B4-BE49-F238E27FC236}">
                  <a16:creationId xmlns:a16="http://schemas.microsoft.com/office/drawing/2014/main" id="{00000000-0008-0000-0100-0000042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30</xdr:row>
          <xdr:rowOff>0</xdr:rowOff>
        </xdr:from>
        <xdr:to>
          <xdr:col>7</xdr:col>
          <xdr:colOff>219075</xdr:colOff>
          <xdr:row>31</xdr:row>
          <xdr:rowOff>57150</xdr:rowOff>
        </xdr:to>
        <xdr:sp macro="" textlink="">
          <xdr:nvSpPr>
            <xdr:cNvPr id="11271" name="Check Box 7" hidden="1">
              <a:extLst>
                <a:ext uri="{63B3BB69-23CF-44E3-9099-C40C66FF867C}">
                  <a14:compatExt spid="_x0000_s11271"/>
                </a:ext>
                <a:ext uri="{FF2B5EF4-FFF2-40B4-BE49-F238E27FC236}">
                  <a16:creationId xmlns:a16="http://schemas.microsoft.com/office/drawing/2014/main" id="{00000000-0008-0000-0100-0000072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30</xdr:row>
          <xdr:rowOff>0</xdr:rowOff>
        </xdr:from>
        <xdr:to>
          <xdr:col>8</xdr:col>
          <xdr:colOff>590550</xdr:colOff>
          <xdr:row>31</xdr:row>
          <xdr:rowOff>19050</xdr:rowOff>
        </xdr:to>
        <xdr:sp macro="" textlink="">
          <xdr:nvSpPr>
            <xdr:cNvPr id="11272" name="Check Box 8" hidden="1">
              <a:extLst>
                <a:ext uri="{63B3BB69-23CF-44E3-9099-C40C66FF867C}">
                  <a14:compatExt spid="_x0000_s11272"/>
                </a:ext>
                <a:ext uri="{FF2B5EF4-FFF2-40B4-BE49-F238E27FC236}">
                  <a16:creationId xmlns:a16="http://schemas.microsoft.com/office/drawing/2014/main" id="{00000000-0008-0000-0100-0000082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0</xdr:col>
      <xdr:colOff>68580</xdr:colOff>
      <xdr:row>40</xdr:row>
      <xdr:rowOff>45720</xdr:rowOff>
    </xdr:from>
    <xdr:to>
      <xdr:col>0</xdr:col>
      <xdr:colOff>144780</xdr:colOff>
      <xdr:row>42</xdr:row>
      <xdr:rowOff>179070</xdr:rowOff>
    </xdr:to>
    <xdr:sp macro="" textlink="">
      <xdr:nvSpPr>
        <xdr:cNvPr id="2" name="AutoShape 1">
          <a:extLst>
            <a:ext uri="{FF2B5EF4-FFF2-40B4-BE49-F238E27FC236}">
              <a16:creationId xmlns:a16="http://schemas.microsoft.com/office/drawing/2014/main" id="{00000000-0008-0000-0200-000002000000}"/>
            </a:ext>
          </a:extLst>
        </xdr:cNvPr>
        <xdr:cNvSpPr>
          <a:spLocks/>
        </xdr:cNvSpPr>
      </xdr:nvSpPr>
      <xdr:spPr bwMode="auto">
        <a:xfrm>
          <a:off x="68580" y="7543800"/>
          <a:ext cx="76200" cy="605790"/>
        </a:xfrm>
        <a:prstGeom prst="leftBracket">
          <a:avLst>
            <a:gd name="adj" fmla="val 6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727710</xdr:colOff>
      <xdr:row>40</xdr:row>
      <xdr:rowOff>15240</xdr:rowOff>
    </xdr:from>
    <xdr:to>
      <xdr:col>8</xdr:col>
      <xdr:colOff>781050</xdr:colOff>
      <xdr:row>42</xdr:row>
      <xdr:rowOff>186690</xdr:rowOff>
    </xdr:to>
    <xdr:sp macro="" textlink="">
      <xdr:nvSpPr>
        <xdr:cNvPr id="3" name="AutoShape 2">
          <a:extLst>
            <a:ext uri="{FF2B5EF4-FFF2-40B4-BE49-F238E27FC236}">
              <a16:creationId xmlns:a16="http://schemas.microsoft.com/office/drawing/2014/main" id="{00000000-0008-0000-0200-000003000000}"/>
            </a:ext>
          </a:extLst>
        </xdr:cNvPr>
        <xdr:cNvSpPr>
          <a:spLocks/>
        </xdr:cNvSpPr>
      </xdr:nvSpPr>
      <xdr:spPr bwMode="auto">
        <a:xfrm>
          <a:off x="5253990" y="7513320"/>
          <a:ext cx="53340" cy="643890"/>
        </a:xfrm>
        <a:prstGeom prst="rightBracket">
          <a:avLst>
            <a:gd name="adj" fmla="val 7083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mc:AlternateContent xmlns:mc="http://schemas.openxmlformats.org/markup-compatibility/2006">
    <mc:Choice xmlns:a14="http://schemas.microsoft.com/office/drawing/2010/main" Requires="a14">
      <xdr:twoCellAnchor editAs="oneCell">
        <xdr:from>
          <xdr:col>3</xdr:col>
          <xdr:colOff>541020</xdr:colOff>
          <xdr:row>37</xdr:row>
          <xdr:rowOff>144780</xdr:rowOff>
        </xdr:from>
        <xdr:to>
          <xdr:col>5</xdr:col>
          <xdr:colOff>251460</xdr:colOff>
          <xdr:row>39</xdr:row>
          <xdr:rowOff>60960</xdr:rowOff>
        </xdr:to>
        <xdr:sp macro="" textlink="">
          <xdr:nvSpPr>
            <xdr:cNvPr id="20481" name="Check Box 1" hidden="1">
              <a:extLst>
                <a:ext uri="{63B3BB69-23CF-44E3-9099-C40C66FF867C}">
                  <a14:compatExt spid="_x0000_s20481"/>
                </a:ext>
                <a:ext uri="{FF2B5EF4-FFF2-40B4-BE49-F238E27FC236}">
                  <a16:creationId xmlns:a16="http://schemas.microsoft.com/office/drawing/2014/main" id="{00000000-0008-0000-0200-000001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12420</xdr:colOff>
          <xdr:row>37</xdr:row>
          <xdr:rowOff>160020</xdr:rowOff>
        </xdr:from>
        <xdr:to>
          <xdr:col>6</xdr:col>
          <xdr:colOff>121920</xdr:colOff>
          <xdr:row>39</xdr:row>
          <xdr:rowOff>53340</xdr:rowOff>
        </xdr:to>
        <xdr:sp macro="" textlink="">
          <xdr:nvSpPr>
            <xdr:cNvPr id="20482" name="Check Box 2" hidden="1">
              <a:extLst>
                <a:ext uri="{63B3BB69-23CF-44E3-9099-C40C66FF867C}">
                  <a14:compatExt spid="_x0000_s20482"/>
                </a:ext>
                <a:ext uri="{FF2B5EF4-FFF2-40B4-BE49-F238E27FC236}">
                  <a16:creationId xmlns:a16="http://schemas.microsoft.com/office/drawing/2014/main" id="{00000000-0008-0000-0200-000002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96240</xdr:colOff>
          <xdr:row>3</xdr:row>
          <xdr:rowOff>220980</xdr:rowOff>
        </xdr:from>
        <xdr:to>
          <xdr:col>8</xdr:col>
          <xdr:colOff>228600</xdr:colOff>
          <xdr:row>5</xdr:row>
          <xdr:rowOff>7620</xdr:rowOff>
        </xdr:to>
        <xdr:sp macro="" textlink="">
          <xdr:nvSpPr>
            <xdr:cNvPr id="20483" name="Check Box 3" hidden="1">
              <a:extLst>
                <a:ext uri="{63B3BB69-23CF-44E3-9099-C40C66FF867C}">
                  <a14:compatExt spid="_x0000_s20483"/>
                </a:ext>
                <a:ext uri="{FF2B5EF4-FFF2-40B4-BE49-F238E27FC236}">
                  <a16:creationId xmlns:a16="http://schemas.microsoft.com/office/drawing/2014/main" id="{00000000-0008-0000-0200-000003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4</xdr:row>
          <xdr:rowOff>0</xdr:rowOff>
        </xdr:from>
        <xdr:to>
          <xdr:col>8</xdr:col>
          <xdr:colOff>716280</xdr:colOff>
          <xdr:row>5</xdr:row>
          <xdr:rowOff>0</xdr:rowOff>
        </xdr:to>
        <xdr:sp macro="" textlink="">
          <xdr:nvSpPr>
            <xdr:cNvPr id="20484" name="Check Box 4" hidden="1">
              <a:extLst>
                <a:ext uri="{63B3BB69-23CF-44E3-9099-C40C66FF867C}">
                  <a14:compatExt spid="_x0000_s20484"/>
                </a:ext>
                <a:ext uri="{FF2B5EF4-FFF2-40B4-BE49-F238E27FC236}">
                  <a16:creationId xmlns:a16="http://schemas.microsoft.com/office/drawing/2014/main" id="{00000000-0008-0000-0200-000004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96240</xdr:colOff>
          <xdr:row>4</xdr:row>
          <xdr:rowOff>228600</xdr:rowOff>
        </xdr:from>
        <xdr:to>
          <xdr:col>8</xdr:col>
          <xdr:colOff>228600</xdr:colOff>
          <xdr:row>6</xdr:row>
          <xdr:rowOff>38100</xdr:rowOff>
        </xdr:to>
        <xdr:sp macro="" textlink="">
          <xdr:nvSpPr>
            <xdr:cNvPr id="20485" name="Check Box 5" hidden="1">
              <a:extLst>
                <a:ext uri="{63B3BB69-23CF-44E3-9099-C40C66FF867C}">
                  <a14:compatExt spid="_x0000_s20485"/>
                </a:ext>
                <a:ext uri="{FF2B5EF4-FFF2-40B4-BE49-F238E27FC236}">
                  <a16:creationId xmlns:a16="http://schemas.microsoft.com/office/drawing/2014/main" id="{00000000-0008-0000-0200-000005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5</xdr:row>
          <xdr:rowOff>7620</xdr:rowOff>
        </xdr:from>
        <xdr:to>
          <xdr:col>8</xdr:col>
          <xdr:colOff>716280</xdr:colOff>
          <xdr:row>6</xdr:row>
          <xdr:rowOff>30480</xdr:rowOff>
        </xdr:to>
        <xdr:sp macro="" textlink="">
          <xdr:nvSpPr>
            <xdr:cNvPr id="20486" name="Check Box 6" hidden="1">
              <a:extLst>
                <a:ext uri="{63B3BB69-23CF-44E3-9099-C40C66FF867C}">
                  <a14:compatExt spid="_x0000_s20486"/>
                </a:ext>
                <a:ext uri="{FF2B5EF4-FFF2-40B4-BE49-F238E27FC236}">
                  <a16:creationId xmlns:a16="http://schemas.microsoft.com/office/drawing/2014/main" id="{00000000-0008-0000-0200-000006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11480</xdr:colOff>
          <xdr:row>10</xdr:row>
          <xdr:rowOff>38100</xdr:rowOff>
        </xdr:from>
        <xdr:to>
          <xdr:col>8</xdr:col>
          <xdr:colOff>243840</xdr:colOff>
          <xdr:row>11</xdr:row>
          <xdr:rowOff>7620</xdr:rowOff>
        </xdr:to>
        <xdr:sp macro="" textlink="">
          <xdr:nvSpPr>
            <xdr:cNvPr id="20487" name="Check Box 7" hidden="1">
              <a:extLst>
                <a:ext uri="{63B3BB69-23CF-44E3-9099-C40C66FF867C}">
                  <a14:compatExt spid="_x0000_s20487"/>
                </a:ext>
                <a:ext uri="{FF2B5EF4-FFF2-40B4-BE49-F238E27FC236}">
                  <a16:creationId xmlns:a16="http://schemas.microsoft.com/office/drawing/2014/main" id="{00000000-0008-0000-0200-000007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0</xdr:colOff>
          <xdr:row>10</xdr:row>
          <xdr:rowOff>53340</xdr:rowOff>
        </xdr:from>
        <xdr:to>
          <xdr:col>8</xdr:col>
          <xdr:colOff>731520</xdr:colOff>
          <xdr:row>11</xdr:row>
          <xdr:rowOff>0</xdr:rowOff>
        </xdr:to>
        <xdr:sp macro="" textlink="">
          <xdr:nvSpPr>
            <xdr:cNvPr id="20488" name="Check Box 8" hidden="1">
              <a:extLst>
                <a:ext uri="{63B3BB69-23CF-44E3-9099-C40C66FF867C}">
                  <a14:compatExt spid="_x0000_s20488"/>
                </a:ext>
                <a:ext uri="{FF2B5EF4-FFF2-40B4-BE49-F238E27FC236}">
                  <a16:creationId xmlns:a16="http://schemas.microsoft.com/office/drawing/2014/main" id="{00000000-0008-0000-0200-000008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11480</xdr:colOff>
          <xdr:row>11</xdr:row>
          <xdr:rowOff>38100</xdr:rowOff>
        </xdr:from>
        <xdr:to>
          <xdr:col>8</xdr:col>
          <xdr:colOff>243840</xdr:colOff>
          <xdr:row>12</xdr:row>
          <xdr:rowOff>7620</xdr:rowOff>
        </xdr:to>
        <xdr:sp macro="" textlink="">
          <xdr:nvSpPr>
            <xdr:cNvPr id="20491" name="Check Box 11" hidden="1">
              <a:extLst>
                <a:ext uri="{63B3BB69-23CF-44E3-9099-C40C66FF867C}">
                  <a14:compatExt spid="_x0000_s20491"/>
                </a:ext>
                <a:ext uri="{FF2B5EF4-FFF2-40B4-BE49-F238E27FC236}">
                  <a16:creationId xmlns:a16="http://schemas.microsoft.com/office/drawing/2014/main" id="{00000000-0008-0000-0200-00000B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0</xdr:colOff>
          <xdr:row>11</xdr:row>
          <xdr:rowOff>53340</xdr:rowOff>
        </xdr:from>
        <xdr:to>
          <xdr:col>8</xdr:col>
          <xdr:colOff>731520</xdr:colOff>
          <xdr:row>12</xdr:row>
          <xdr:rowOff>0</xdr:rowOff>
        </xdr:to>
        <xdr:sp macro="" textlink="">
          <xdr:nvSpPr>
            <xdr:cNvPr id="20492" name="Check Box 12" hidden="1">
              <a:extLst>
                <a:ext uri="{63B3BB69-23CF-44E3-9099-C40C66FF867C}">
                  <a14:compatExt spid="_x0000_s20492"/>
                </a:ext>
                <a:ext uri="{FF2B5EF4-FFF2-40B4-BE49-F238E27FC236}">
                  <a16:creationId xmlns:a16="http://schemas.microsoft.com/office/drawing/2014/main" id="{00000000-0008-0000-0200-00000C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3360</xdr:colOff>
          <xdr:row>13</xdr:row>
          <xdr:rowOff>114300</xdr:rowOff>
        </xdr:from>
        <xdr:to>
          <xdr:col>3</xdr:col>
          <xdr:colOff>45720</xdr:colOff>
          <xdr:row>15</xdr:row>
          <xdr:rowOff>38100</xdr:rowOff>
        </xdr:to>
        <xdr:sp macro="" textlink="">
          <xdr:nvSpPr>
            <xdr:cNvPr id="20494" name="Check Box 14" hidden="1">
              <a:extLst>
                <a:ext uri="{63B3BB69-23CF-44E3-9099-C40C66FF867C}">
                  <a14:compatExt spid="_x0000_s20494"/>
                </a:ext>
                <a:ext uri="{FF2B5EF4-FFF2-40B4-BE49-F238E27FC236}">
                  <a16:creationId xmlns:a16="http://schemas.microsoft.com/office/drawing/2014/main" id="{00000000-0008-0000-0200-00000E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13</xdr:row>
          <xdr:rowOff>129540</xdr:rowOff>
        </xdr:from>
        <xdr:to>
          <xdr:col>3</xdr:col>
          <xdr:colOff>533400</xdr:colOff>
          <xdr:row>15</xdr:row>
          <xdr:rowOff>30480</xdr:rowOff>
        </xdr:to>
        <xdr:sp macro="" textlink="">
          <xdr:nvSpPr>
            <xdr:cNvPr id="20495" name="Check Box 15" hidden="1">
              <a:extLst>
                <a:ext uri="{63B3BB69-23CF-44E3-9099-C40C66FF867C}">
                  <a14:compatExt spid="_x0000_s20495"/>
                </a:ext>
                <a:ext uri="{FF2B5EF4-FFF2-40B4-BE49-F238E27FC236}">
                  <a16:creationId xmlns:a16="http://schemas.microsoft.com/office/drawing/2014/main" id="{00000000-0008-0000-0200-00000F5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4.xml><?xml version="1.0" encoding="utf-8"?>
<xdr:wsDr xmlns:xdr="http://schemas.openxmlformats.org/drawingml/2006/spreadsheetDrawing" xmlns:a="http://schemas.openxmlformats.org/drawingml/2006/main">
  <xdr:twoCellAnchor>
    <xdr:from>
      <xdr:col>4</xdr:col>
      <xdr:colOff>0</xdr:colOff>
      <xdr:row>7</xdr:row>
      <xdr:rowOff>0</xdr:rowOff>
    </xdr:from>
    <xdr:to>
      <xdr:col>4</xdr:col>
      <xdr:colOff>0</xdr:colOff>
      <xdr:row>12</xdr:row>
      <xdr:rowOff>0</xdr:rowOff>
    </xdr:to>
    <xdr:sp macro="" textlink="">
      <xdr:nvSpPr>
        <xdr:cNvPr id="2" name="Line 1">
          <a:extLst>
            <a:ext uri="{FF2B5EF4-FFF2-40B4-BE49-F238E27FC236}">
              <a16:creationId xmlns:a16="http://schemas.microsoft.com/office/drawing/2014/main" id="{00000000-0008-0000-0300-000002000000}"/>
            </a:ext>
          </a:extLst>
        </xdr:cNvPr>
        <xdr:cNvSpPr>
          <a:spLocks noChangeShapeType="1"/>
        </xdr:cNvSpPr>
      </xdr:nvSpPr>
      <xdr:spPr bwMode="auto">
        <a:xfrm>
          <a:off x="3657600" y="1685925"/>
          <a:ext cx="0" cy="12382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mc:AlternateContent xmlns:mc="http://schemas.openxmlformats.org/markup-compatibility/2006">
    <mc:Choice xmlns:a14="http://schemas.microsoft.com/office/drawing/2010/main" Requires="a14">
      <xdr:twoCellAnchor editAs="oneCell">
        <xdr:from>
          <xdr:col>3</xdr:col>
          <xdr:colOff>381000</xdr:colOff>
          <xdr:row>0</xdr:row>
          <xdr:rowOff>175260</xdr:rowOff>
        </xdr:from>
        <xdr:to>
          <xdr:col>4</xdr:col>
          <xdr:colOff>45720</xdr:colOff>
          <xdr:row>2</xdr:row>
          <xdr:rowOff>53340</xdr:rowOff>
        </xdr:to>
        <xdr:sp macro="" textlink="">
          <xdr:nvSpPr>
            <xdr:cNvPr id="21505" name="Check Box 1" hidden="1">
              <a:extLst>
                <a:ext uri="{63B3BB69-23CF-44E3-9099-C40C66FF867C}">
                  <a14:compatExt spid="_x0000_s21505"/>
                </a:ext>
                <a:ext uri="{FF2B5EF4-FFF2-40B4-BE49-F238E27FC236}">
                  <a16:creationId xmlns:a16="http://schemas.microsoft.com/office/drawing/2014/main" id="{00000000-0008-0000-0300-000001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06680</xdr:colOff>
          <xdr:row>0</xdr:row>
          <xdr:rowOff>205740</xdr:rowOff>
        </xdr:from>
        <xdr:to>
          <xdr:col>5</xdr:col>
          <xdr:colOff>434340</xdr:colOff>
          <xdr:row>2</xdr:row>
          <xdr:rowOff>38100</xdr:rowOff>
        </xdr:to>
        <xdr:sp macro="" textlink="">
          <xdr:nvSpPr>
            <xdr:cNvPr id="21506" name="Check Box 2" hidden="1">
              <a:extLst>
                <a:ext uri="{63B3BB69-23CF-44E3-9099-C40C66FF867C}">
                  <a14:compatExt spid="_x0000_s21506"/>
                </a:ext>
                <a:ext uri="{FF2B5EF4-FFF2-40B4-BE49-F238E27FC236}">
                  <a16:creationId xmlns:a16="http://schemas.microsoft.com/office/drawing/2014/main" id="{00000000-0008-0000-0300-000002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81000</xdr:colOff>
          <xdr:row>1</xdr:row>
          <xdr:rowOff>129540</xdr:rowOff>
        </xdr:from>
        <xdr:to>
          <xdr:col>4</xdr:col>
          <xdr:colOff>45720</xdr:colOff>
          <xdr:row>3</xdr:row>
          <xdr:rowOff>68580</xdr:rowOff>
        </xdr:to>
        <xdr:sp macro="" textlink="">
          <xdr:nvSpPr>
            <xdr:cNvPr id="21507" name="Check Box 3" hidden="1">
              <a:extLst>
                <a:ext uri="{63B3BB69-23CF-44E3-9099-C40C66FF867C}">
                  <a14:compatExt spid="_x0000_s21507"/>
                </a:ext>
                <a:ext uri="{FF2B5EF4-FFF2-40B4-BE49-F238E27FC236}">
                  <a16:creationId xmlns:a16="http://schemas.microsoft.com/office/drawing/2014/main" id="{00000000-0008-0000-0300-000003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06680</xdr:colOff>
          <xdr:row>1</xdr:row>
          <xdr:rowOff>160020</xdr:rowOff>
        </xdr:from>
        <xdr:to>
          <xdr:col>5</xdr:col>
          <xdr:colOff>434340</xdr:colOff>
          <xdr:row>3</xdr:row>
          <xdr:rowOff>53340</xdr:rowOff>
        </xdr:to>
        <xdr:sp macro="" textlink="">
          <xdr:nvSpPr>
            <xdr:cNvPr id="21508" name="Check Box 4" hidden="1">
              <a:extLst>
                <a:ext uri="{63B3BB69-23CF-44E3-9099-C40C66FF867C}">
                  <a14:compatExt spid="_x0000_s21508"/>
                </a:ext>
                <a:ext uri="{FF2B5EF4-FFF2-40B4-BE49-F238E27FC236}">
                  <a16:creationId xmlns:a16="http://schemas.microsoft.com/office/drawing/2014/main" id="{00000000-0008-0000-0300-000004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16</xdr:row>
          <xdr:rowOff>15240</xdr:rowOff>
        </xdr:from>
        <xdr:to>
          <xdr:col>7</xdr:col>
          <xdr:colOff>563880</xdr:colOff>
          <xdr:row>16</xdr:row>
          <xdr:rowOff>243840</xdr:rowOff>
        </xdr:to>
        <xdr:sp macro="" textlink="">
          <xdr:nvSpPr>
            <xdr:cNvPr id="21512" name="Check Box 8" hidden="1">
              <a:extLst>
                <a:ext uri="{63B3BB69-23CF-44E3-9099-C40C66FF867C}">
                  <a14:compatExt spid="_x0000_s21512"/>
                </a:ext>
                <a:ext uri="{FF2B5EF4-FFF2-40B4-BE49-F238E27FC236}">
                  <a16:creationId xmlns:a16="http://schemas.microsoft.com/office/drawing/2014/main" id="{00000000-0008-0000-0300-000008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xdr:row>
          <xdr:rowOff>220980</xdr:rowOff>
        </xdr:from>
        <xdr:to>
          <xdr:col>5</xdr:col>
          <xdr:colOff>15240</xdr:colOff>
          <xdr:row>17</xdr:row>
          <xdr:rowOff>7620</xdr:rowOff>
        </xdr:to>
        <xdr:sp macro="" textlink="">
          <xdr:nvSpPr>
            <xdr:cNvPr id="21513" name="Check Box 9" hidden="1">
              <a:extLst>
                <a:ext uri="{63B3BB69-23CF-44E3-9099-C40C66FF867C}">
                  <a14:compatExt spid="_x0000_s21513"/>
                </a:ext>
                <a:ext uri="{FF2B5EF4-FFF2-40B4-BE49-F238E27FC236}">
                  <a16:creationId xmlns:a16="http://schemas.microsoft.com/office/drawing/2014/main" id="{00000000-0008-0000-0300-000009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18</xdr:row>
          <xdr:rowOff>15240</xdr:rowOff>
        </xdr:from>
        <xdr:to>
          <xdr:col>7</xdr:col>
          <xdr:colOff>563880</xdr:colOff>
          <xdr:row>18</xdr:row>
          <xdr:rowOff>243840</xdr:rowOff>
        </xdr:to>
        <xdr:sp macro="" textlink="">
          <xdr:nvSpPr>
            <xdr:cNvPr id="21514" name="Check Box 10" hidden="1">
              <a:extLst>
                <a:ext uri="{63B3BB69-23CF-44E3-9099-C40C66FF867C}">
                  <a14:compatExt spid="_x0000_s21514"/>
                </a:ext>
                <a:ext uri="{FF2B5EF4-FFF2-40B4-BE49-F238E27FC236}">
                  <a16:creationId xmlns:a16="http://schemas.microsoft.com/office/drawing/2014/main" id="{00000000-0008-0000-0300-00000A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xdr:row>
          <xdr:rowOff>220980</xdr:rowOff>
        </xdr:from>
        <xdr:to>
          <xdr:col>5</xdr:col>
          <xdr:colOff>15240</xdr:colOff>
          <xdr:row>18</xdr:row>
          <xdr:rowOff>236220</xdr:rowOff>
        </xdr:to>
        <xdr:sp macro="" textlink="">
          <xdr:nvSpPr>
            <xdr:cNvPr id="21515" name="Check Box 11" hidden="1">
              <a:extLst>
                <a:ext uri="{63B3BB69-23CF-44E3-9099-C40C66FF867C}">
                  <a14:compatExt spid="_x0000_s21515"/>
                </a:ext>
                <a:ext uri="{FF2B5EF4-FFF2-40B4-BE49-F238E27FC236}">
                  <a16:creationId xmlns:a16="http://schemas.microsoft.com/office/drawing/2014/main" id="{00000000-0008-0000-0300-00000B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19</xdr:row>
          <xdr:rowOff>15240</xdr:rowOff>
        </xdr:from>
        <xdr:to>
          <xdr:col>7</xdr:col>
          <xdr:colOff>563880</xdr:colOff>
          <xdr:row>19</xdr:row>
          <xdr:rowOff>243840</xdr:rowOff>
        </xdr:to>
        <xdr:sp macro="" textlink="">
          <xdr:nvSpPr>
            <xdr:cNvPr id="21516" name="Check Box 12" hidden="1">
              <a:extLst>
                <a:ext uri="{63B3BB69-23CF-44E3-9099-C40C66FF867C}">
                  <a14:compatExt spid="_x0000_s21516"/>
                </a:ext>
                <a:ext uri="{FF2B5EF4-FFF2-40B4-BE49-F238E27FC236}">
                  <a16:creationId xmlns:a16="http://schemas.microsoft.com/office/drawing/2014/main" id="{00000000-0008-0000-0300-00000C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8</xdr:row>
          <xdr:rowOff>220980</xdr:rowOff>
        </xdr:from>
        <xdr:to>
          <xdr:col>5</xdr:col>
          <xdr:colOff>15240</xdr:colOff>
          <xdr:row>19</xdr:row>
          <xdr:rowOff>236220</xdr:rowOff>
        </xdr:to>
        <xdr:sp macro="" textlink="">
          <xdr:nvSpPr>
            <xdr:cNvPr id="21517" name="Check Box 13" hidden="1">
              <a:extLst>
                <a:ext uri="{63B3BB69-23CF-44E3-9099-C40C66FF867C}">
                  <a14:compatExt spid="_x0000_s21517"/>
                </a:ext>
                <a:ext uri="{FF2B5EF4-FFF2-40B4-BE49-F238E27FC236}">
                  <a16:creationId xmlns:a16="http://schemas.microsoft.com/office/drawing/2014/main" id="{00000000-0008-0000-0300-00000D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20</xdr:row>
          <xdr:rowOff>15240</xdr:rowOff>
        </xdr:from>
        <xdr:to>
          <xdr:col>7</xdr:col>
          <xdr:colOff>563880</xdr:colOff>
          <xdr:row>20</xdr:row>
          <xdr:rowOff>243840</xdr:rowOff>
        </xdr:to>
        <xdr:sp macro="" textlink="">
          <xdr:nvSpPr>
            <xdr:cNvPr id="21518" name="Check Box 14" hidden="1">
              <a:extLst>
                <a:ext uri="{63B3BB69-23CF-44E3-9099-C40C66FF867C}">
                  <a14:compatExt spid="_x0000_s21518"/>
                </a:ext>
                <a:ext uri="{FF2B5EF4-FFF2-40B4-BE49-F238E27FC236}">
                  <a16:creationId xmlns:a16="http://schemas.microsoft.com/office/drawing/2014/main" id="{00000000-0008-0000-0300-00000E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9</xdr:row>
          <xdr:rowOff>220980</xdr:rowOff>
        </xdr:from>
        <xdr:to>
          <xdr:col>5</xdr:col>
          <xdr:colOff>15240</xdr:colOff>
          <xdr:row>20</xdr:row>
          <xdr:rowOff>236220</xdr:rowOff>
        </xdr:to>
        <xdr:sp macro="" textlink="">
          <xdr:nvSpPr>
            <xdr:cNvPr id="21519" name="Check Box 15" hidden="1">
              <a:extLst>
                <a:ext uri="{63B3BB69-23CF-44E3-9099-C40C66FF867C}">
                  <a14:compatExt spid="_x0000_s21519"/>
                </a:ext>
                <a:ext uri="{FF2B5EF4-FFF2-40B4-BE49-F238E27FC236}">
                  <a16:creationId xmlns:a16="http://schemas.microsoft.com/office/drawing/2014/main" id="{00000000-0008-0000-0300-00000F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21</xdr:row>
          <xdr:rowOff>15240</xdr:rowOff>
        </xdr:from>
        <xdr:to>
          <xdr:col>7</xdr:col>
          <xdr:colOff>563880</xdr:colOff>
          <xdr:row>21</xdr:row>
          <xdr:rowOff>243840</xdr:rowOff>
        </xdr:to>
        <xdr:sp macro="" textlink="">
          <xdr:nvSpPr>
            <xdr:cNvPr id="21520" name="Check Box 16" hidden="1">
              <a:extLst>
                <a:ext uri="{63B3BB69-23CF-44E3-9099-C40C66FF867C}">
                  <a14:compatExt spid="_x0000_s21520"/>
                </a:ext>
                <a:ext uri="{FF2B5EF4-FFF2-40B4-BE49-F238E27FC236}">
                  <a16:creationId xmlns:a16="http://schemas.microsoft.com/office/drawing/2014/main" id="{00000000-0008-0000-0300-000010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20</xdr:row>
          <xdr:rowOff>220980</xdr:rowOff>
        </xdr:from>
        <xdr:to>
          <xdr:col>5</xdr:col>
          <xdr:colOff>15240</xdr:colOff>
          <xdr:row>21</xdr:row>
          <xdr:rowOff>236220</xdr:rowOff>
        </xdr:to>
        <xdr:sp macro="" textlink="">
          <xdr:nvSpPr>
            <xdr:cNvPr id="21521" name="Check Box 17" hidden="1">
              <a:extLst>
                <a:ext uri="{63B3BB69-23CF-44E3-9099-C40C66FF867C}">
                  <a14:compatExt spid="_x0000_s21521"/>
                </a:ext>
                <a:ext uri="{FF2B5EF4-FFF2-40B4-BE49-F238E27FC236}">
                  <a16:creationId xmlns:a16="http://schemas.microsoft.com/office/drawing/2014/main" id="{00000000-0008-0000-0300-000011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22</xdr:row>
          <xdr:rowOff>15240</xdr:rowOff>
        </xdr:from>
        <xdr:to>
          <xdr:col>7</xdr:col>
          <xdr:colOff>563880</xdr:colOff>
          <xdr:row>22</xdr:row>
          <xdr:rowOff>243840</xdr:rowOff>
        </xdr:to>
        <xdr:sp macro="" textlink="">
          <xdr:nvSpPr>
            <xdr:cNvPr id="21522" name="Check Box 18" hidden="1">
              <a:extLst>
                <a:ext uri="{63B3BB69-23CF-44E3-9099-C40C66FF867C}">
                  <a14:compatExt spid="_x0000_s21522"/>
                </a:ext>
                <a:ext uri="{FF2B5EF4-FFF2-40B4-BE49-F238E27FC236}">
                  <a16:creationId xmlns:a16="http://schemas.microsoft.com/office/drawing/2014/main" id="{00000000-0008-0000-0300-000012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21</xdr:row>
          <xdr:rowOff>220980</xdr:rowOff>
        </xdr:from>
        <xdr:to>
          <xdr:col>5</xdr:col>
          <xdr:colOff>15240</xdr:colOff>
          <xdr:row>22</xdr:row>
          <xdr:rowOff>236220</xdr:rowOff>
        </xdr:to>
        <xdr:sp macro="" textlink="">
          <xdr:nvSpPr>
            <xdr:cNvPr id="21523" name="Check Box 19" hidden="1">
              <a:extLst>
                <a:ext uri="{63B3BB69-23CF-44E3-9099-C40C66FF867C}">
                  <a14:compatExt spid="_x0000_s21523"/>
                </a:ext>
                <a:ext uri="{FF2B5EF4-FFF2-40B4-BE49-F238E27FC236}">
                  <a16:creationId xmlns:a16="http://schemas.microsoft.com/office/drawing/2014/main" id="{00000000-0008-0000-0300-000013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23</xdr:row>
          <xdr:rowOff>15240</xdr:rowOff>
        </xdr:from>
        <xdr:to>
          <xdr:col>7</xdr:col>
          <xdr:colOff>563880</xdr:colOff>
          <xdr:row>23</xdr:row>
          <xdr:rowOff>243840</xdr:rowOff>
        </xdr:to>
        <xdr:sp macro="" textlink="">
          <xdr:nvSpPr>
            <xdr:cNvPr id="21524" name="Check Box 20" hidden="1">
              <a:extLst>
                <a:ext uri="{63B3BB69-23CF-44E3-9099-C40C66FF867C}">
                  <a14:compatExt spid="_x0000_s21524"/>
                </a:ext>
                <a:ext uri="{FF2B5EF4-FFF2-40B4-BE49-F238E27FC236}">
                  <a16:creationId xmlns:a16="http://schemas.microsoft.com/office/drawing/2014/main" id="{00000000-0008-0000-0300-000014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22</xdr:row>
          <xdr:rowOff>220980</xdr:rowOff>
        </xdr:from>
        <xdr:to>
          <xdr:col>5</xdr:col>
          <xdr:colOff>15240</xdr:colOff>
          <xdr:row>23</xdr:row>
          <xdr:rowOff>236220</xdr:rowOff>
        </xdr:to>
        <xdr:sp macro="" textlink="">
          <xdr:nvSpPr>
            <xdr:cNvPr id="21525" name="Check Box 21" hidden="1">
              <a:extLst>
                <a:ext uri="{63B3BB69-23CF-44E3-9099-C40C66FF867C}">
                  <a14:compatExt spid="_x0000_s21525"/>
                </a:ext>
                <a:ext uri="{FF2B5EF4-FFF2-40B4-BE49-F238E27FC236}">
                  <a16:creationId xmlns:a16="http://schemas.microsoft.com/office/drawing/2014/main" id="{00000000-0008-0000-0300-000015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9</xdr:row>
          <xdr:rowOff>220980</xdr:rowOff>
        </xdr:from>
        <xdr:to>
          <xdr:col>5</xdr:col>
          <xdr:colOff>15240</xdr:colOff>
          <xdr:row>20</xdr:row>
          <xdr:rowOff>236220</xdr:rowOff>
        </xdr:to>
        <xdr:sp macro="" textlink="">
          <xdr:nvSpPr>
            <xdr:cNvPr id="21526" name="Check Box 22" hidden="1">
              <a:extLst>
                <a:ext uri="{63B3BB69-23CF-44E3-9099-C40C66FF867C}">
                  <a14:compatExt spid="_x0000_s21526"/>
                </a:ext>
                <a:ext uri="{FF2B5EF4-FFF2-40B4-BE49-F238E27FC236}">
                  <a16:creationId xmlns:a16="http://schemas.microsoft.com/office/drawing/2014/main" id="{00000000-0008-0000-0300-000016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20</xdr:row>
          <xdr:rowOff>220980</xdr:rowOff>
        </xdr:from>
        <xdr:to>
          <xdr:col>5</xdr:col>
          <xdr:colOff>15240</xdr:colOff>
          <xdr:row>21</xdr:row>
          <xdr:rowOff>236220</xdr:rowOff>
        </xdr:to>
        <xdr:sp macro="" textlink="">
          <xdr:nvSpPr>
            <xdr:cNvPr id="21527" name="Check Box 23" hidden="1">
              <a:extLst>
                <a:ext uri="{63B3BB69-23CF-44E3-9099-C40C66FF867C}">
                  <a14:compatExt spid="_x0000_s21527"/>
                </a:ext>
                <a:ext uri="{FF2B5EF4-FFF2-40B4-BE49-F238E27FC236}">
                  <a16:creationId xmlns:a16="http://schemas.microsoft.com/office/drawing/2014/main" id="{00000000-0008-0000-0300-000017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21</xdr:row>
          <xdr:rowOff>220980</xdr:rowOff>
        </xdr:from>
        <xdr:to>
          <xdr:col>5</xdr:col>
          <xdr:colOff>15240</xdr:colOff>
          <xdr:row>22</xdr:row>
          <xdr:rowOff>236220</xdr:rowOff>
        </xdr:to>
        <xdr:sp macro="" textlink="">
          <xdr:nvSpPr>
            <xdr:cNvPr id="21528" name="Check Box 24" hidden="1">
              <a:extLst>
                <a:ext uri="{63B3BB69-23CF-44E3-9099-C40C66FF867C}">
                  <a14:compatExt spid="_x0000_s21528"/>
                </a:ext>
                <a:ext uri="{FF2B5EF4-FFF2-40B4-BE49-F238E27FC236}">
                  <a16:creationId xmlns:a16="http://schemas.microsoft.com/office/drawing/2014/main" id="{00000000-0008-0000-0300-000018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22</xdr:row>
          <xdr:rowOff>220980</xdr:rowOff>
        </xdr:from>
        <xdr:to>
          <xdr:col>5</xdr:col>
          <xdr:colOff>15240</xdr:colOff>
          <xdr:row>23</xdr:row>
          <xdr:rowOff>236220</xdr:rowOff>
        </xdr:to>
        <xdr:sp macro="" textlink="">
          <xdr:nvSpPr>
            <xdr:cNvPr id="21529" name="Check Box 25" hidden="1">
              <a:extLst>
                <a:ext uri="{63B3BB69-23CF-44E3-9099-C40C66FF867C}">
                  <a14:compatExt spid="_x0000_s21529"/>
                </a:ext>
                <a:ext uri="{FF2B5EF4-FFF2-40B4-BE49-F238E27FC236}">
                  <a16:creationId xmlns:a16="http://schemas.microsoft.com/office/drawing/2014/main" id="{00000000-0008-0000-0300-000019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21</xdr:row>
          <xdr:rowOff>220980</xdr:rowOff>
        </xdr:from>
        <xdr:to>
          <xdr:col>5</xdr:col>
          <xdr:colOff>15240</xdr:colOff>
          <xdr:row>22</xdr:row>
          <xdr:rowOff>236220</xdr:rowOff>
        </xdr:to>
        <xdr:sp macro="" textlink="">
          <xdr:nvSpPr>
            <xdr:cNvPr id="21530" name="Check Box 26" hidden="1">
              <a:extLst>
                <a:ext uri="{63B3BB69-23CF-44E3-9099-C40C66FF867C}">
                  <a14:compatExt spid="_x0000_s21530"/>
                </a:ext>
                <a:ext uri="{FF2B5EF4-FFF2-40B4-BE49-F238E27FC236}">
                  <a16:creationId xmlns:a16="http://schemas.microsoft.com/office/drawing/2014/main" id="{00000000-0008-0000-0300-00001A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22</xdr:row>
          <xdr:rowOff>220980</xdr:rowOff>
        </xdr:from>
        <xdr:to>
          <xdr:col>5</xdr:col>
          <xdr:colOff>15240</xdr:colOff>
          <xdr:row>23</xdr:row>
          <xdr:rowOff>236220</xdr:rowOff>
        </xdr:to>
        <xdr:sp macro="" textlink="">
          <xdr:nvSpPr>
            <xdr:cNvPr id="21531" name="Check Box 27" hidden="1">
              <a:extLst>
                <a:ext uri="{63B3BB69-23CF-44E3-9099-C40C66FF867C}">
                  <a14:compatExt spid="_x0000_s21531"/>
                </a:ext>
                <a:ext uri="{FF2B5EF4-FFF2-40B4-BE49-F238E27FC236}">
                  <a16:creationId xmlns:a16="http://schemas.microsoft.com/office/drawing/2014/main" id="{00000000-0008-0000-0300-00001B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2880</xdr:colOff>
          <xdr:row>23</xdr:row>
          <xdr:rowOff>228600</xdr:rowOff>
        </xdr:from>
        <xdr:to>
          <xdr:col>5</xdr:col>
          <xdr:colOff>7620</xdr:colOff>
          <xdr:row>24</xdr:row>
          <xdr:rowOff>243840</xdr:rowOff>
        </xdr:to>
        <xdr:sp macro="" textlink="">
          <xdr:nvSpPr>
            <xdr:cNvPr id="21532" name="Check Box 28" hidden="1">
              <a:extLst>
                <a:ext uri="{63B3BB69-23CF-44E3-9099-C40C66FF867C}">
                  <a14:compatExt spid="_x0000_s21532"/>
                </a:ext>
                <a:ext uri="{FF2B5EF4-FFF2-40B4-BE49-F238E27FC236}">
                  <a16:creationId xmlns:a16="http://schemas.microsoft.com/office/drawing/2014/main" id="{00000000-0008-0000-0300-00001C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24</xdr:row>
          <xdr:rowOff>15240</xdr:rowOff>
        </xdr:from>
        <xdr:to>
          <xdr:col>7</xdr:col>
          <xdr:colOff>579120</xdr:colOff>
          <xdr:row>24</xdr:row>
          <xdr:rowOff>243840</xdr:rowOff>
        </xdr:to>
        <xdr:sp macro="" textlink="">
          <xdr:nvSpPr>
            <xdr:cNvPr id="21533" name="Check Box 29" hidden="1">
              <a:extLst>
                <a:ext uri="{63B3BB69-23CF-44E3-9099-C40C66FF867C}">
                  <a14:compatExt spid="_x0000_s21533"/>
                </a:ext>
                <a:ext uri="{FF2B5EF4-FFF2-40B4-BE49-F238E27FC236}">
                  <a16:creationId xmlns:a16="http://schemas.microsoft.com/office/drawing/2014/main" id="{00000000-0008-0000-0300-00001D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67640</xdr:colOff>
          <xdr:row>27</xdr:row>
          <xdr:rowOff>7620</xdr:rowOff>
        </xdr:from>
        <xdr:to>
          <xdr:col>3</xdr:col>
          <xdr:colOff>0</xdr:colOff>
          <xdr:row>28</xdr:row>
          <xdr:rowOff>15240</xdr:rowOff>
        </xdr:to>
        <xdr:sp macro="" textlink="">
          <xdr:nvSpPr>
            <xdr:cNvPr id="21536" name="Check Box 32" hidden="1">
              <a:extLst>
                <a:ext uri="{63B3BB69-23CF-44E3-9099-C40C66FF867C}">
                  <a14:compatExt spid="_x0000_s21536"/>
                </a:ext>
                <a:ext uri="{FF2B5EF4-FFF2-40B4-BE49-F238E27FC236}">
                  <a16:creationId xmlns:a16="http://schemas.microsoft.com/office/drawing/2014/main" id="{00000000-0008-0000-0300-000020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0960</xdr:colOff>
          <xdr:row>27</xdr:row>
          <xdr:rowOff>22860</xdr:rowOff>
        </xdr:from>
        <xdr:to>
          <xdr:col>3</xdr:col>
          <xdr:colOff>487680</xdr:colOff>
          <xdr:row>28</xdr:row>
          <xdr:rowOff>7620</xdr:rowOff>
        </xdr:to>
        <xdr:sp macro="" textlink="">
          <xdr:nvSpPr>
            <xdr:cNvPr id="21537" name="Check Box 33" hidden="1">
              <a:extLst>
                <a:ext uri="{63B3BB69-23CF-44E3-9099-C40C66FF867C}">
                  <a14:compatExt spid="_x0000_s21537"/>
                </a:ext>
                <a:ext uri="{FF2B5EF4-FFF2-40B4-BE49-F238E27FC236}">
                  <a16:creationId xmlns:a16="http://schemas.microsoft.com/office/drawing/2014/main" id="{00000000-0008-0000-0300-000021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60020</xdr:colOff>
          <xdr:row>28</xdr:row>
          <xdr:rowOff>0</xdr:rowOff>
        </xdr:from>
        <xdr:to>
          <xdr:col>3</xdr:col>
          <xdr:colOff>1112520</xdr:colOff>
          <xdr:row>29</xdr:row>
          <xdr:rowOff>0</xdr:rowOff>
        </xdr:to>
        <xdr:sp macro="" textlink="">
          <xdr:nvSpPr>
            <xdr:cNvPr id="21540" name="Check Box 36" hidden="1">
              <a:extLst>
                <a:ext uri="{63B3BB69-23CF-44E3-9099-C40C66FF867C}">
                  <a14:compatExt spid="_x0000_s21540"/>
                </a:ext>
                <a:ext uri="{FF2B5EF4-FFF2-40B4-BE49-F238E27FC236}">
                  <a16:creationId xmlns:a16="http://schemas.microsoft.com/office/drawing/2014/main" id="{00000000-0008-0000-0300-000024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毎日、完全に排水を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02920</xdr:colOff>
          <xdr:row>28</xdr:row>
          <xdr:rowOff>0</xdr:rowOff>
        </xdr:from>
        <xdr:to>
          <xdr:col>6</xdr:col>
          <xdr:colOff>342900</xdr:colOff>
          <xdr:row>29</xdr:row>
          <xdr:rowOff>15240</xdr:rowOff>
        </xdr:to>
        <xdr:sp macro="" textlink="">
          <xdr:nvSpPr>
            <xdr:cNvPr id="21541" name="Check Box 37" hidden="1">
              <a:extLst>
                <a:ext uri="{63B3BB69-23CF-44E3-9099-C40C66FF867C}">
                  <a14:compatExt spid="_x0000_s21541"/>
                </a:ext>
                <a:ext uri="{FF2B5EF4-FFF2-40B4-BE49-F238E27FC236}">
                  <a16:creationId xmlns:a16="http://schemas.microsoft.com/office/drawing/2014/main" id="{00000000-0008-0000-0300-000025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連日使用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60020</xdr:colOff>
          <xdr:row>29</xdr:row>
          <xdr:rowOff>0</xdr:rowOff>
        </xdr:from>
        <xdr:to>
          <xdr:col>3</xdr:col>
          <xdr:colOff>624840</xdr:colOff>
          <xdr:row>29</xdr:row>
          <xdr:rowOff>243840</xdr:rowOff>
        </xdr:to>
        <xdr:sp macro="" textlink="">
          <xdr:nvSpPr>
            <xdr:cNvPr id="21544" name="Check Box 40" hidden="1">
              <a:extLst>
                <a:ext uri="{63B3BB69-23CF-44E3-9099-C40C66FF867C}">
                  <a14:compatExt spid="_x0000_s21544"/>
                </a:ext>
                <a:ext uri="{FF2B5EF4-FFF2-40B4-BE49-F238E27FC236}">
                  <a16:creationId xmlns:a16="http://schemas.microsoft.com/office/drawing/2014/main" id="{00000000-0008-0000-0300-000028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塩素消毒で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02920</xdr:colOff>
          <xdr:row>29</xdr:row>
          <xdr:rowOff>0</xdr:rowOff>
        </xdr:from>
        <xdr:to>
          <xdr:col>6</xdr:col>
          <xdr:colOff>342900</xdr:colOff>
          <xdr:row>30</xdr:row>
          <xdr:rowOff>15240</xdr:rowOff>
        </xdr:to>
        <xdr:sp macro="" textlink="">
          <xdr:nvSpPr>
            <xdr:cNvPr id="21545" name="Check Box 41" hidden="1">
              <a:extLst>
                <a:ext uri="{63B3BB69-23CF-44E3-9099-C40C66FF867C}">
                  <a14:compatExt spid="_x0000_s21545"/>
                </a:ext>
                <a:ext uri="{FF2B5EF4-FFF2-40B4-BE49-F238E27FC236}">
                  <a16:creationId xmlns:a16="http://schemas.microsoft.com/office/drawing/2014/main" id="{00000000-0008-0000-0300-000029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塩素消毒ではない</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06680</xdr:colOff>
          <xdr:row>12</xdr:row>
          <xdr:rowOff>152400</xdr:rowOff>
        </xdr:from>
        <xdr:to>
          <xdr:col>8</xdr:col>
          <xdr:colOff>102870</xdr:colOff>
          <xdr:row>14</xdr:row>
          <xdr:rowOff>38100</xdr:rowOff>
        </xdr:to>
        <xdr:sp macro="" textlink="">
          <xdr:nvSpPr>
            <xdr:cNvPr id="26625" name="Check Box 1" hidden="1">
              <a:extLst>
                <a:ext uri="{63B3BB69-23CF-44E3-9099-C40C66FF867C}">
                  <a14:compatExt spid="_x0000_s26625"/>
                </a:ext>
                <a:ext uri="{FF2B5EF4-FFF2-40B4-BE49-F238E27FC236}">
                  <a16:creationId xmlns:a16="http://schemas.microsoft.com/office/drawing/2014/main" id="{00000000-0008-0000-0400-000001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2</xdr:row>
          <xdr:rowOff>175260</xdr:rowOff>
        </xdr:from>
        <xdr:to>
          <xdr:col>8</xdr:col>
          <xdr:colOff>609600</xdr:colOff>
          <xdr:row>14</xdr:row>
          <xdr:rowOff>15240</xdr:rowOff>
        </xdr:to>
        <xdr:sp macro="" textlink="">
          <xdr:nvSpPr>
            <xdr:cNvPr id="26626" name="Check Box 2" hidden="1">
              <a:extLst>
                <a:ext uri="{63B3BB69-23CF-44E3-9099-C40C66FF867C}">
                  <a14:compatExt spid="_x0000_s26626"/>
                </a:ext>
                <a:ext uri="{FF2B5EF4-FFF2-40B4-BE49-F238E27FC236}">
                  <a16:creationId xmlns:a16="http://schemas.microsoft.com/office/drawing/2014/main" id="{00000000-0008-0000-0400-000002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3</xdr:row>
          <xdr:rowOff>152400</xdr:rowOff>
        </xdr:from>
        <xdr:to>
          <xdr:col>8</xdr:col>
          <xdr:colOff>102870</xdr:colOff>
          <xdr:row>15</xdr:row>
          <xdr:rowOff>38100</xdr:rowOff>
        </xdr:to>
        <xdr:sp macro="" textlink="">
          <xdr:nvSpPr>
            <xdr:cNvPr id="26627" name="Check Box 3" hidden="1">
              <a:extLst>
                <a:ext uri="{63B3BB69-23CF-44E3-9099-C40C66FF867C}">
                  <a14:compatExt spid="_x0000_s26627"/>
                </a:ext>
                <a:ext uri="{FF2B5EF4-FFF2-40B4-BE49-F238E27FC236}">
                  <a16:creationId xmlns:a16="http://schemas.microsoft.com/office/drawing/2014/main" id="{00000000-0008-0000-0400-000003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3</xdr:row>
          <xdr:rowOff>175260</xdr:rowOff>
        </xdr:from>
        <xdr:to>
          <xdr:col>8</xdr:col>
          <xdr:colOff>609600</xdr:colOff>
          <xdr:row>15</xdr:row>
          <xdr:rowOff>15240</xdr:rowOff>
        </xdr:to>
        <xdr:sp macro="" textlink="">
          <xdr:nvSpPr>
            <xdr:cNvPr id="26628" name="Check Box 4" hidden="1">
              <a:extLst>
                <a:ext uri="{63B3BB69-23CF-44E3-9099-C40C66FF867C}">
                  <a14:compatExt spid="_x0000_s26628"/>
                </a:ext>
                <a:ext uri="{FF2B5EF4-FFF2-40B4-BE49-F238E27FC236}">
                  <a16:creationId xmlns:a16="http://schemas.microsoft.com/office/drawing/2014/main" id="{00000000-0008-0000-0400-000004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4</xdr:row>
          <xdr:rowOff>152400</xdr:rowOff>
        </xdr:from>
        <xdr:to>
          <xdr:col>8</xdr:col>
          <xdr:colOff>102870</xdr:colOff>
          <xdr:row>16</xdr:row>
          <xdr:rowOff>38100</xdr:rowOff>
        </xdr:to>
        <xdr:sp macro="" textlink="">
          <xdr:nvSpPr>
            <xdr:cNvPr id="26629" name="Check Box 5" hidden="1">
              <a:extLst>
                <a:ext uri="{63B3BB69-23CF-44E3-9099-C40C66FF867C}">
                  <a14:compatExt spid="_x0000_s26629"/>
                </a:ext>
                <a:ext uri="{FF2B5EF4-FFF2-40B4-BE49-F238E27FC236}">
                  <a16:creationId xmlns:a16="http://schemas.microsoft.com/office/drawing/2014/main" id="{00000000-0008-0000-0400-000005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4</xdr:row>
          <xdr:rowOff>175260</xdr:rowOff>
        </xdr:from>
        <xdr:to>
          <xdr:col>8</xdr:col>
          <xdr:colOff>609600</xdr:colOff>
          <xdr:row>16</xdr:row>
          <xdr:rowOff>15240</xdr:rowOff>
        </xdr:to>
        <xdr:sp macro="" textlink="">
          <xdr:nvSpPr>
            <xdr:cNvPr id="26630" name="Check Box 6" hidden="1">
              <a:extLst>
                <a:ext uri="{63B3BB69-23CF-44E3-9099-C40C66FF867C}">
                  <a14:compatExt spid="_x0000_s26630"/>
                </a:ext>
                <a:ext uri="{FF2B5EF4-FFF2-40B4-BE49-F238E27FC236}">
                  <a16:creationId xmlns:a16="http://schemas.microsoft.com/office/drawing/2014/main" id="{00000000-0008-0000-0400-000006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5</xdr:row>
          <xdr:rowOff>152400</xdr:rowOff>
        </xdr:from>
        <xdr:to>
          <xdr:col>8</xdr:col>
          <xdr:colOff>102870</xdr:colOff>
          <xdr:row>17</xdr:row>
          <xdr:rowOff>38100</xdr:rowOff>
        </xdr:to>
        <xdr:sp macro="" textlink="">
          <xdr:nvSpPr>
            <xdr:cNvPr id="26631" name="Check Box 7" hidden="1">
              <a:extLst>
                <a:ext uri="{63B3BB69-23CF-44E3-9099-C40C66FF867C}">
                  <a14:compatExt spid="_x0000_s26631"/>
                </a:ext>
                <a:ext uri="{FF2B5EF4-FFF2-40B4-BE49-F238E27FC236}">
                  <a16:creationId xmlns:a16="http://schemas.microsoft.com/office/drawing/2014/main" id="{00000000-0008-0000-0400-000007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5</xdr:row>
          <xdr:rowOff>175260</xdr:rowOff>
        </xdr:from>
        <xdr:to>
          <xdr:col>8</xdr:col>
          <xdr:colOff>609600</xdr:colOff>
          <xdr:row>17</xdr:row>
          <xdr:rowOff>15240</xdr:rowOff>
        </xdr:to>
        <xdr:sp macro="" textlink="">
          <xdr:nvSpPr>
            <xdr:cNvPr id="26632" name="Check Box 8" hidden="1">
              <a:extLst>
                <a:ext uri="{63B3BB69-23CF-44E3-9099-C40C66FF867C}">
                  <a14:compatExt spid="_x0000_s26632"/>
                </a:ext>
                <a:ext uri="{FF2B5EF4-FFF2-40B4-BE49-F238E27FC236}">
                  <a16:creationId xmlns:a16="http://schemas.microsoft.com/office/drawing/2014/main" id="{00000000-0008-0000-0400-000008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9</xdr:row>
          <xdr:rowOff>152400</xdr:rowOff>
        </xdr:from>
        <xdr:to>
          <xdr:col>8</xdr:col>
          <xdr:colOff>102870</xdr:colOff>
          <xdr:row>21</xdr:row>
          <xdr:rowOff>38100</xdr:rowOff>
        </xdr:to>
        <xdr:sp macro="" textlink="">
          <xdr:nvSpPr>
            <xdr:cNvPr id="26633" name="Check Box 9" hidden="1">
              <a:extLst>
                <a:ext uri="{63B3BB69-23CF-44E3-9099-C40C66FF867C}">
                  <a14:compatExt spid="_x0000_s26633"/>
                </a:ext>
                <a:ext uri="{FF2B5EF4-FFF2-40B4-BE49-F238E27FC236}">
                  <a16:creationId xmlns:a16="http://schemas.microsoft.com/office/drawing/2014/main" id="{00000000-0008-0000-0400-000009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9</xdr:row>
          <xdr:rowOff>175260</xdr:rowOff>
        </xdr:from>
        <xdr:to>
          <xdr:col>8</xdr:col>
          <xdr:colOff>609600</xdr:colOff>
          <xdr:row>21</xdr:row>
          <xdr:rowOff>15240</xdr:rowOff>
        </xdr:to>
        <xdr:sp macro="" textlink="">
          <xdr:nvSpPr>
            <xdr:cNvPr id="26634" name="Check Box 10" hidden="1">
              <a:extLst>
                <a:ext uri="{63B3BB69-23CF-44E3-9099-C40C66FF867C}">
                  <a14:compatExt spid="_x0000_s26634"/>
                </a:ext>
                <a:ext uri="{FF2B5EF4-FFF2-40B4-BE49-F238E27FC236}">
                  <a16:creationId xmlns:a16="http://schemas.microsoft.com/office/drawing/2014/main" id="{00000000-0008-0000-0400-00000A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7</xdr:row>
          <xdr:rowOff>213360</xdr:rowOff>
        </xdr:from>
        <xdr:to>
          <xdr:col>7</xdr:col>
          <xdr:colOff>266700</xdr:colOff>
          <xdr:row>9</xdr:row>
          <xdr:rowOff>49530</xdr:rowOff>
        </xdr:to>
        <xdr:sp macro="" textlink="">
          <xdr:nvSpPr>
            <xdr:cNvPr id="26635" name="Check Box 11" hidden="1">
              <a:extLst>
                <a:ext uri="{63B3BB69-23CF-44E3-9099-C40C66FF867C}">
                  <a14:compatExt spid="_x0000_s26635"/>
                </a:ext>
                <a:ext uri="{FF2B5EF4-FFF2-40B4-BE49-F238E27FC236}">
                  <a16:creationId xmlns:a16="http://schemas.microsoft.com/office/drawing/2014/main" id="{00000000-0008-0000-0400-00000B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17220</xdr:colOff>
          <xdr:row>7</xdr:row>
          <xdr:rowOff>213360</xdr:rowOff>
        </xdr:from>
        <xdr:to>
          <xdr:col>9</xdr:col>
          <xdr:colOff>167640</xdr:colOff>
          <xdr:row>9</xdr:row>
          <xdr:rowOff>15240</xdr:rowOff>
        </xdr:to>
        <xdr:sp macro="" textlink="">
          <xdr:nvSpPr>
            <xdr:cNvPr id="26636" name="Check Box 12" hidden="1">
              <a:extLst>
                <a:ext uri="{63B3BB69-23CF-44E3-9099-C40C66FF867C}">
                  <a14:compatExt spid="_x0000_s26636"/>
                </a:ext>
                <a:ext uri="{FF2B5EF4-FFF2-40B4-BE49-F238E27FC236}">
                  <a16:creationId xmlns:a16="http://schemas.microsoft.com/office/drawing/2014/main" id="{00000000-0008-0000-0400-00000C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8</xdr:row>
          <xdr:rowOff>175260</xdr:rowOff>
        </xdr:from>
        <xdr:to>
          <xdr:col>7</xdr:col>
          <xdr:colOff>266700</xdr:colOff>
          <xdr:row>10</xdr:row>
          <xdr:rowOff>53340</xdr:rowOff>
        </xdr:to>
        <xdr:sp macro="" textlink="">
          <xdr:nvSpPr>
            <xdr:cNvPr id="26637" name="Check Box 13" hidden="1">
              <a:extLst>
                <a:ext uri="{63B3BB69-23CF-44E3-9099-C40C66FF867C}">
                  <a14:compatExt spid="_x0000_s26637"/>
                </a:ext>
                <a:ext uri="{FF2B5EF4-FFF2-40B4-BE49-F238E27FC236}">
                  <a16:creationId xmlns:a16="http://schemas.microsoft.com/office/drawing/2014/main" id="{00000000-0008-0000-0400-00000D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8</xdr:row>
          <xdr:rowOff>182880</xdr:rowOff>
        </xdr:from>
        <xdr:to>
          <xdr:col>9</xdr:col>
          <xdr:colOff>167640</xdr:colOff>
          <xdr:row>10</xdr:row>
          <xdr:rowOff>26670</xdr:rowOff>
        </xdr:to>
        <xdr:sp macro="" textlink="">
          <xdr:nvSpPr>
            <xdr:cNvPr id="26638" name="Check Box 14" hidden="1">
              <a:extLst>
                <a:ext uri="{63B3BB69-23CF-44E3-9099-C40C66FF867C}">
                  <a14:compatExt spid="_x0000_s26638"/>
                </a:ext>
                <a:ext uri="{FF2B5EF4-FFF2-40B4-BE49-F238E27FC236}">
                  <a16:creationId xmlns:a16="http://schemas.microsoft.com/office/drawing/2014/main" id="{00000000-0008-0000-0400-00000E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0</xdr:row>
          <xdr:rowOff>175260</xdr:rowOff>
        </xdr:from>
        <xdr:to>
          <xdr:col>7</xdr:col>
          <xdr:colOff>266700</xdr:colOff>
          <xdr:row>12</xdr:row>
          <xdr:rowOff>53340</xdr:rowOff>
        </xdr:to>
        <xdr:sp macro="" textlink="">
          <xdr:nvSpPr>
            <xdr:cNvPr id="26639" name="Check Box 15" hidden="1">
              <a:extLst>
                <a:ext uri="{63B3BB69-23CF-44E3-9099-C40C66FF867C}">
                  <a14:compatExt spid="_x0000_s26639"/>
                </a:ext>
                <a:ext uri="{FF2B5EF4-FFF2-40B4-BE49-F238E27FC236}">
                  <a16:creationId xmlns:a16="http://schemas.microsoft.com/office/drawing/2014/main" id="{00000000-0008-0000-0400-00000F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0</xdr:row>
          <xdr:rowOff>182880</xdr:rowOff>
        </xdr:from>
        <xdr:to>
          <xdr:col>9</xdr:col>
          <xdr:colOff>167640</xdr:colOff>
          <xdr:row>12</xdr:row>
          <xdr:rowOff>26670</xdr:rowOff>
        </xdr:to>
        <xdr:sp macro="" textlink="">
          <xdr:nvSpPr>
            <xdr:cNvPr id="26640" name="Check Box 16" hidden="1">
              <a:extLst>
                <a:ext uri="{63B3BB69-23CF-44E3-9099-C40C66FF867C}">
                  <a14:compatExt spid="_x0000_s26640"/>
                </a:ext>
                <a:ext uri="{FF2B5EF4-FFF2-40B4-BE49-F238E27FC236}">
                  <a16:creationId xmlns:a16="http://schemas.microsoft.com/office/drawing/2014/main" id="{00000000-0008-0000-0400-000010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1</xdr:row>
          <xdr:rowOff>175260</xdr:rowOff>
        </xdr:from>
        <xdr:to>
          <xdr:col>7</xdr:col>
          <xdr:colOff>266700</xdr:colOff>
          <xdr:row>13</xdr:row>
          <xdr:rowOff>53340</xdr:rowOff>
        </xdr:to>
        <xdr:sp macro="" textlink="">
          <xdr:nvSpPr>
            <xdr:cNvPr id="26641" name="Check Box 17" hidden="1">
              <a:extLst>
                <a:ext uri="{63B3BB69-23CF-44E3-9099-C40C66FF867C}">
                  <a14:compatExt spid="_x0000_s26641"/>
                </a:ext>
                <a:ext uri="{FF2B5EF4-FFF2-40B4-BE49-F238E27FC236}">
                  <a16:creationId xmlns:a16="http://schemas.microsoft.com/office/drawing/2014/main" id="{00000000-0008-0000-0400-000011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1</xdr:row>
          <xdr:rowOff>182880</xdr:rowOff>
        </xdr:from>
        <xdr:to>
          <xdr:col>9</xdr:col>
          <xdr:colOff>167640</xdr:colOff>
          <xdr:row>13</xdr:row>
          <xdr:rowOff>26670</xdr:rowOff>
        </xdr:to>
        <xdr:sp macro="" textlink="">
          <xdr:nvSpPr>
            <xdr:cNvPr id="26642" name="Check Box 18" hidden="1">
              <a:extLst>
                <a:ext uri="{63B3BB69-23CF-44E3-9099-C40C66FF867C}">
                  <a14:compatExt spid="_x0000_s26642"/>
                </a:ext>
                <a:ext uri="{FF2B5EF4-FFF2-40B4-BE49-F238E27FC236}">
                  <a16:creationId xmlns:a16="http://schemas.microsoft.com/office/drawing/2014/main" id="{00000000-0008-0000-0400-000012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6</xdr:row>
          <xdr:rowOff>175260</xdr:rowOff>
        </xdr:from>
        <xdr:to>
          <xdr:col>7</xdr:col>
          <xdr:colOff>266700</xdr:colOff>
          <xdr:row>18</xdr:row>
          <xdr:rowOff>53340</xdr:rowOff>
        </xdr:to>
        <xdr:sp macro="" textlink="">
          <xdr:nvSpPr>
            <xdr:cNvPr id="26643" name="Check Box 19" hidden="1">
              <a:extLst>
                <a:ext uri="{63B3BB69-23CF-44E3-9099-C40C66FF867C}">
                  <a14:compatExt spid="_x0000_s26643"/>
                </a:ext>
                <a:ext uri="{FF2B5EF4-FFF2-40B4-BE49-F238E27FC236}">
                  <a16:creationId xmlns:a16="http://schemas.microsoft.com/office/drawing/2014/main" id="{00000000-0008-0000-0400-000013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6</xdr:row>
          <xdr:rowOff>182880</xdr:rowOff>
        </xdr:from>
        <xdr:to>
          <xdr:col>9</xdr:col>
          <xdr:colOff>167640</xdr:colOff>
          <xdr:row>18</xdr:row>
          <xdr:rowOff>26670</xdr:rowOff>
        </xdr:to>
        <xdr:sp macro="" textlink="">
          <xdr:nvSpPr>
            <xdr:cNvPr id="26644" name="Check Box 20" hidden="1">
              <a:extLst>
                <a:ext uri="{63B3BB69-23CF-44E3-9099-C40C66FF867C}">
                  <a14:compatExt spid="_x0000_s26644"/>
                </a:ext>
                <a:ext uri="{FF2B5EF4-FFF2-40B4-BE49-F238E27FC236}">
                  <a16:creationId xmlns:a16="http://schemas.microsoft.com/office/drawing/2014/main" id="{00000000-0008-0000-0400-000014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7</xdr:row>
          <xdr:rowOff>175260</xdr:rowOff>
        </xdr:from>
        <xdr:to>
          <xdr:col>7</xdr:col>
          <xdr:colOff>266700</xdr:colOff>
          <xdr:row>19</xdr:row>
          <xdr:rowOff>53340</xdr:rowOff>
        </xdr:to>
        <xdr:sp macro="" textlink="">
          <xdr:nvSpPr>
            <xdr:cNvPr id="26645" name="Check Box 21" hidden="1">
              <a:extLst>
                <a:ext uri="{63B3BB69-23CF-44E3-9099-C40C66FF867C}">
                  <a14:compatExt spid="_x0000_s26645"/>
                </a:ext>
                <a:ext uri="{FF2B5EF4-FFF2-40B4-BE49-F238E27FC236}">
                  <a16:creationId xmlns:a16="http://schemas.microsoft.com/office/drawing/2014/main" id="{00000000-0008-0000-0400-000015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7</xdr:row>
          <xdr:rowOff>182880</xdr:rowOff>
        </xdr:from>
        <xdr:to>
          <xdr:col>9</xdr:col>
          <xdr:colOff>167640</xdr:colOff>
          <xdr:row>19</xdr:row>
          <xdr:rowOff>26670</xdr:rowOff>
        </xdr:to>
        <xdr:sp macro="" textlink="">
          <xdr:nvSpPr>
            <xdr:cNvPr id="26646" name="Check Box 22" hidden="1">
              <a:extLst>
                <a:ext uri="{63B3BB69-23CF-44E3-9099-C40C66FF867C}">
                  <a14:compatExt spid="_x0000_s26646"/>
                </a:ext>
                <a:ext uri="{FF2B5EF4-FFF2-40B4-BE49-F238E27FC236}">
                  <a16:creationId xmlns:a16="http://schemas.microsoft.com/office/drawing/2014/main" id="{00000000-0008-0000-0400-000016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3</xdr:row>
          <xdr:rowOff>228600</xdr:rowOff>
        </xdr:from>
        <xdr:to>
          <xdr:col>4</xdr:col>
          <xdr:colOff>521970</xdr:colOff>
          <xdr:row>25</xdr:row>
          <xdr:rowOff>15240</xdr:rowOff>
        </xdr:to>
        <xdr:sp macro="" textlink="">
          <xdr:nvSpPr>
            <xdr:cNvPr id="26647" name="Check Box 23" hidden="1">
              <a:extLst>
                <a:ext uri="{63B3BB69-23CF-44E3-9099-C40C66FF867C}">
                  <a14:compatExt spid="_x0000_s26647"/>
                </a:ext>
                <a:ext uri="{FF2B5EF4-FFF2-40B4-BE49-F238E27FC236}">
                  <a16:creationId xmlns:a16="http://schemas.microsoft.com/office/drawing/2014/main" id="{00000000-0008-0000-0400-000017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4</xdr:row>
          <xdr:rowOff>7620</xdr:rowOff>
        </xdr:from>
        <xdr:to>
          <xdr:col>7</xdr:col>
          <xdr:colOff>91440</xdr:colOff>
          <xdr:row>25</xdr:row>
          <xdr:rowOff>0</xdr:rowOff>
        </xdr:to>
        <xdr:sp macro="" textlink="">
          <xdr:nvSpPr>
            <xdr:cNvPr id="26648" name="Check Box 24" hidden="1">
              <a:extLst>
                <a:ext uri="{63B3BB69-23CF-44E3-9099-C40C66FF867C}">
                  <a14:compatExt spid="_x0000_s26648"/>
                </a:ext>
                <a:ext uri="{FF2B5EF4-FFF2-40B4-BE49-F238E27FC236}">
                  <a16:creationId xmlns:a16="http://schemas.microsoft.com/office/drawing/2014/main" id="{00000000-0008-0000-0400-000018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9</xdr:row>
          <xdr:rowOff>152400</xdr:rowOff>
        </xdr:from>
        <xdr:to>
          <xdr:col>8</xdr:col>
          <xdr:colOff>102870</xdr:colOff>
          <xdr:row>11</xdr:row>
          <xdr:rowOff>38100</xdr:rowOff>
        </xdr:to>
        <xdr:sp macro="" textlink="">
          <xdr:nvSpPr>
            <xdr:cNvPr id="26649" name="Check Box 25" hidden="1">
              <a:extLst>
                <a:ext uri="{63B3BB69-23CF-44E3-9099-C40C66FF867C}">
                  <a14:compatExt spid="_x0000_s26649"/>
                </a:ext>
                <a:ext uri="{FF2B5EF4-FFF2-40B4-BE49-F238E27FC236}">
                  <a16:creationId xmlns:a16="http://schemas.microsoft.com/office/drawing/2014/main" id="{00000000-0008-0000-0400-000019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9</xdr:row>
          <xdr:rowOff>175260</xdr:rowOff>
        </xdr:from>
        <xdr:to>
          <xdr:col>8</xdr:col>
          <xdr:colOff>609600</xdr:colOff>
          <xdr:row>10</xdr:row>
          <xdr:rowOff>179070</xdr:rowOff>
        </xdr:to>
        <xdr:sp macro="" textlink="">
          <xdr:nvSpPr>
            <xdr:cNvPr id="26650" name="Check Box 26" hidden="1">
              <a:extLst>
                <a:ext uri="{63B3BB69-23CF-44E3-9099-C40C66FF867C}">
                  <a14:compatExt spid="_x0000_s26650"/>
                </a:ext>
                <a:ext uri="{FF2B5EF4-FFF2-40B4-BE49-F238E27FC236}">
                  <a16:creationId xmlns:a16="http://schemas.microsoft.com/office/drawing/2014/main" id="{00000000-0008-0000-0400-00001A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不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2</xdr:row>
          <xdr:rowOff>228600</xdr:rowOff>
        </xdr:from>
        <xdr:to>
          <xdr:col>4</xdr:col>
          <xdr:colOff>521970</xdr:colOff>
          <xdr:row>24</xdr:row>
          <xdr:rowOff>15240</xdr:rowOff>
        </xdr:to>
        <xdr:sp macro="" textlink="">
          <xdr:nvSpPr>
            <xdr:cNvPr id="26651" name="Check Box 27" hidden="1">
              <a:extLst>
                <a:ext uri="{63B3BB69-23CF-44E3-9099-C40C66FF867C}">
                  <a14:compatExt spid="_x0000_s26651"/>
                </a:ext>
                <a:ext uri="{FF2B5EF4-FFF2-40B4-BE49-F238E27FC236}">
                  <a16:creationId xmlns:a16="http://schemas.microsoft.com/office/drawing/2014/main" id="{00000000-0008-0000-0400-00001B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3</xdr:row>
          <xdr:rowOff>7620</xdr:rowOff>
        </xdr:from>
        <xdr:to>
          <xdr:col>7</xdr:col>
          <xdr:colOff>91440</xdr:colOff>
          <xdr:row>24</xdr:row>
          <xdr:rowOff>0</xdr:rowOff>
        </xdr:to>
        <xdr:sp macro="" textlink="">
          <xdr:nvSpPr>
            <xdr:cNvPr id="26652" name="Check Box 28" hidden="1">
              <a:extLst>
                <a:ext uri="{63B3BB69-23CF-44E3-9099-C40C66FF867C}">
                  <a14:compatExt spid="_x0000_s26652"/>
                </a:ext>
                <a:ext uri="{FF2B5EF4-FFF2-40B4-BE49-F238E27FC236}">
                  <a16:creationId xmlns:a16="http://schemas.microsoft.com/office/drawing/2014/main" id="{00000000-0008-0000-0400-00001C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502920</xdr:colOff>
          <xdr:row>30</xdr:row>
          <xdr:rowOff>137160</xdr:rowOff>
        </xdr:from>
        <xdr:to>
          <xdr:col>8</xdr:col>
          <xdr:colOff>22860</xdr:colOff>
          <xdr:row>32</xdr:row>
          <xdr:rowOff>60960</xdr:rowOff>
        </xdr:to>
        <xdr:sp macro="" textlink="">
          <xdr:nvSpPr>
            <xdr:cNvPr id="27650" name="Check Box 2" hidden="1">
              <a:extLst>
                <a:ext uri="{63B3BB69-23CF-44E3-9099-C40C66FF867C}">
                  <a14:compatExt spid="_x0000_s27650"/>
                </a:ext>
                <a:ext uri="{FF2B5EF4-FFF2-40B4-BE49-F238E27FC236}">
                  <a16:creationId xmlns:a16="http://schemas.microsoft.com/office/drawing/2014/main" id="{00000000-0008-0000-0500-0000026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作成済み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9060</xdr:colOff>
          <xdr:row>30</xdr:row>
          <xdr:rowOff>137160</xdr:rowOff>
        </xdr:from>
        <xdr:to>
          <xdr:col>9</xdr:col>
          <xdr:colOff>152400</xdr:colOff>
          <xdr:row>32</xdr:row>
          <xdr:rowOff>38100</xdr:rowOff>
        </xdr:to>
        <xdr:sp macro="" textlink="">
          <xdr:nvSpPr>
            <xdr:cNvPr id="27651" name="Check Box 3" hidden="1">
              <a:extLst>
                <a:ext uri="{63B3BB69-23CF-44E3-9099-C40C66FF867C}">
                  <a14:compatExt spid="_x0000_s27651"/>
                </a:ext>
                <a:ext uri="{FF2B5EF4-FFF2-40B4-BE49-F238E27FC236}">
                  <a16:creationId xmlns:a16="http://schemas.microsoft.com/office/drawing/2014/main" id="{00000000-0008-0000-0500-0000036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未作成</a:t>
              </a:r>
            </a:p>
          </xdr:txBody>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66700</xdr:colOff>
          <xdr:row>10</xdr:row>
          <xdr:rowOff>144780</xdr:rowOff>
        </xdr:from>
        <xdr:to>
          <xdr:col>5</xdr:col>
          <xdr:colOff>15240</xdr:colOff>
          <xdr:row>12</xdr:row>
          <xdr:rowOff>22860</xdr:rowOff>
        </xdr:to>
        <xdr:sp macro="" textlink="">
          <xdr:nvSpPr>
            <xdr:cNvPr id="28675" name="Check Box 3" hidden="1">
              <a:extLst>
                <a:ext uri="{63B3BB69-23CF-44E3-9099-C40C66FF867C}">
                  <a14:compatExt spid="_x0000_s28675"/>
                </a:ext>
                <a:ext uri="{FF2B5EF4-FFF2-40B4-BE49-F238E27FC236}">
                  <a16:creationId xmlns:a16="http://schemas.microsoft.com/office/drawing/2014/main" id="{00000000-0008-0000-0600-000003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1440</xdr:colOff>
          <xdr:row>11</xdr:row>
          <xdr:rowOff>15240</xdr:rowOff>
        </xdr:from>
        <xdr:to>
          <xdr:col>5</xdr:col>
          <xdr:colOff>518160</xdr:colOff>
          <xdr:row>12</xdr:row>
          <xdr:rowOff>7620</xdr:rowOff>
        </xdr:to>
        <xdr:sp macro="" textlink="">
          <xdr:nvSpPr>
            <xdr:cNvPr id="28676" name="Check Box 4" hidden="1">
              <a:extLst>
                <a:ext uri="{63B3BB69-23CF-44E3-9099-C40C66FF867C}">
                  <a14:compatExt spid="_x0000_s28676"/>
                </a:ext>
                <a:ext uri="{FF2B5EF4-FFF2-40B4-BE49-F238E27FC236}">
                  <a16:creationId xmlns:a16="http://schemas.microsoft.com/office/drawing/2014/main" id="{00000000-0008-0000-0600-000004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15</xdr:row>
          <xdr:rowOff>137160</xdr:rowOff>
        </xdr:from>
        <xdr:to>
          <xdr:col>6</xdr:col>
          <xdr:colOff>83820</xdr:colOff>
          <xdr:row>17</xdr:row>
          <xdr:rowOff>7620</xdr:rowOff>
        </xdr:to>
        <xdr:sp macro="" textlink="">
          <xdr:nvSpPr>
            <xdr:cNvPr id="28677" name="Check Box 5" hidden="1">
              <a:extLst>
                <a:ext uri="{63B3BB69-23CF-44E3-9099-C40C66FF867C}">
                  <a14:compatExt spid="_x0000_s28677"/>
                </a:ext>
                <a:ext uri="{FF2B5EF4-FFF2-40B4-BE49-F238E27FC236}">
                  <a16:creationId xmlns:a16="http://schemas.microsoft.com/office/drawing/2014/main" id="{00000000-0008-0000-0600-000005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0020</xdr:colOff>
          <xdr:row>16</xdr:row>
          <xdr:rowOff>0</xdr:rowOff>
        </xdr:from>
        <xdr:to>
          <xdr:col>6</xdr:col>
          <xdr:colOff>586740</xdr:colOff>
          <xdr:row>16</xdr:row>
          <xdr:rowOff>228600</xdr:rowOff>
        </xdr:to>
        <xdr:sp macro="" textlink="">
          <xdr:nvSpPr>
            <xdr:cNvPr id="28678" name="Check Box 6" hidden="1">
              <a:extLst>
                <a:ext uri="{63B3BB69-23CF-44E3-9099-C40C66FF867C}">
                  <a14:compatExt spid="_x0000_s28678"/>
                </a:ext>
                <a:ext uri="{FF2B5EF4-FFF2-40B4-BE49-F238E27FC236}">
                  <a16:creationId xmlns:a16="http://schemas.microsoft.com/office/drawing/2014/main" id="{00000000-0008-0000-0600-000006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4300</xdr:colOff>
          <xdr:row>31</xdr:row>
          <xdr:rowOff>0</xdr:rowOff>
        </xdr:from>
        <xdr:to>
          <xdr:col>3</xdr:col>
          <xdr:colOff>7620</xdr:colOff>
          <xdr:row>32</xdr:row>
          <xdr:rowOff>0</xdr:rowOff>
        </xdr:to>
        <xdr:sp macro="" textlink="">
          <xdr:nvSpPr>
            <xdr:cNvPr id="28679" name="Check Box 7" hidden="1">
              <a:extLst>
                <a:ext uri="{63B3BB69-23CF-44E3-9099-C40C66FF867C}">
                  <a14:compatExt spid="_x0000_s28679"/>
                </a:ext>
                <a:ext uri="{FF2B5EF4-FFF2-40B4-BE49-F238E27FC236}">
                  <a16:creationId xmlns:a16="http://schemas.microsoft.com/office/drawing/2014/main" id="{00000000-0008-0000-0600-000007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83820</xdr:colOff>
          <xdr:row>31</xdr:row>
          <xdr:rowOff>22860</xdr:rowOff>
        </xdr:from>
        <xdr:to>
          <xdr:col>3</xdr:col>
          <xdr:colOff>510540</xdr:colOff>
          <xdr:row>31</xdr:row>
          <xdr:rowOff>251460</xdr:rowOff>
        </xdr:to>
        <xdr:sp macro="" textlink="">
          <xdr:nvSpPr>
            <xdr:cNvPr id="28680" name="Check Box 8" hidden="1">
              <a:extLst>
                <a:ext uri="{63B3BB69-23CF-44E3-9099-C40C66FF867C}">
                  <a14:compatExt spid="_x0000_s28680"/>
                </a:ext>
                <a:ext uri="{FF2B5EF4-FFF2-40B4-BE49-F238E27FC236}">
                  <a16:creationId xmlns:a16="http://schemas.microsoft.com/office/drawing/2014/main" id="{00000000-0008-0000-0600-000008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37160</xdr:colOff>
          <xdr:row>2</xdr:row>
          <xdr:rowOff>60960</xdr:rowOff>
        </xdr:from>
        <xdr:to>
          <xdr:col>4</xdr:col>
          <xdr:colOff>68580</xdr:colOff>
          <xdr:row>4</xdr:row>
          <xdr:rowOff>60960</xdr:rowOff>
        </xdr:to>
        <xdr:sp macro="" textlink="">
          <xdr:nvSpPr>
            <xdr:cNvPr id="48129" name="Check Box 1" hidden="1">
              <a:extLst>
                <a:ext uri="{63B3BB69-23CF-44E3-9099-C40C66FF867C}">
                  <a14:compatExt spid="_x0000_s48129"/>
                </a:ext>
                <a:ext uri="{FF2B5EF4-FFF2-40B4-BE49-F238E27FC236}">
                  <a16:creationId xmlns:a16="http://schemas.microsoft.com/office/drawing/2014/main" id="{00000000-0008-0000-0800-000001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xdr:row>
          <xdr:rowOff>76200</xdr:rowOff>
        </xdr:from>
        <xdr:to>
          <xdr:col>5</xdr:col>
          <xdr:colOff>60960</xdr:colOff>
          <xdr:row>4</xdr:row>
          <xdr:rowOff>60960</xdr:rowOff>
        </xdr:to>
        <xdr:sp macro="" textlink="">
          <xdr:nvSpPr>
            <xdr:cNvPr id="48130" name="Check Box 2" hidden="1">
              <a:extLst>
                <a:ext uri="{63B3BB69-23CF-44E3-9099-C40C66FF867C}">
                  <a14:compatExt spid="_x0000_s48130"/>
                </a:ext>
                <a:ext uri="{FF2B5EF4-FFF2-40B4-BE49-F238E27FC236}">
                  <a16:creationId xmlns:a16="http://schemas.microsoft.com/office/drawing/2014/main" id="{00000000-0008-0000-0800-000002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xdr:row>
          <xdr:rowOff>76200</xdr:rowOff>
        </xdr:from>
        <xdr:to>
          <xdr:col>9</xdr:col>
          <xdr:colOff>114300</xdr:colOff>
          <xdr:row>4</xdr:row>
          <xdr:rowOff>60960</xdr:rowOff>
        </xdr:to>
        <xdr:sp macro="" textlink="">
          <xdr:nvSpPr>
            <xdr:cNvPr id="48131" name="Check Box 3" hidden="1">
              <a:extLst>
                <a:ext uri="{63B3BB69-23CF-44E3-9099-C40C66FF867C}">
                  <a14:compatExt spid="_x0000_s48131"/>
                </a:ext>
                <a:ext uri="{FF2B5EF4-FFF2-40B4-BE49-F238E27FC236}">
                  <a16:creationId xmlns:a16="http://schemas.microsoft.com/office/drawing/2014/main" id="{00000000-0008-0000-0800-000003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3</xdr:row>
          <xdr:rowOff>152400</xdr:rowOff>
        </xdr:from>
        <xdr:to>
          <xdr:col>4</xdr:col>
          <xdr:colOff>60960</xdr:colOff>
          <xdr:row>5</xdr:row>
          <xdr:rowOff>60960</xdr:rowOff>
        </xdr:to>
        <xdr:sp macro="" textlink="">
          <xdr:nvSpPr>
            <xdr:cNvPr id="48132" name="Check Box 4" hidden="1">
              <a:extLst>
                <a:ext uri="{63B3BB69-23CF-44E3-9099-C40C66FF867C}">
                  <a14:compatExt spid="_x0000_s48132"/>
                </a:ext>
                <a:ext uri="{FF2B5EF4-FFF2-40B4-BE49-F238E27FC236}">
                  <a16:creationId xmlns:a16="http://schemas.microsoft.com/office/drawing/2014/main" id="{00000000-0008-0000-0800-000004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00</xdr:colOff>
          <xdr:row>3</xdr:row>
          <xdr:rowOff>175260</xdr:rowOff>
        </xdr:from>
        <xdr:to>
          <xdr:col>5</xdr:col>
          <xdr:colOff>38100</xdr:colOff>
          <xdr:row>5</xdr:row>
          <xdr:rowOff>60960</xdr:rowOff>
        </xdr:to>
        <xdr:sp macro="" textlink="">
          <xdr:nvSpPr>
            <xdr:cNvPr id="48133" name="Check Box 5" hidden="1">
              <a:extLst>
                <a:ext uri="{63B3BB69-23CF-44E3-9099-C40C66FF867C}">
                  <a14:compatExt spid="_x0000_s48133"/>
                </a:ext>
                <a:ext uri="{FF2B5EF4-FFF2-40B4-BE49-F238E27FC236}">
                  <a16:creationId xmlns:a16="http://schemas.microsoft.com/office/drawing/2014/main" id="{00000000-0008-0000-0800-000005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3</xdr:row>
          <xdr:rowOff>175260</xdr:rowOff>
        </xdr:from>
        <xdr:to>
          <xdr:col>9</xdr:col>
          <xdr:colOff>106680</xdr:colOff>
          <xdr:row>5</xdr:row>
          <xdr:rowOff>60960</xdr:rowOff>
        </xdr:to>
        <xdr:sp macro="" textlink="">
          <xdr:nvSpPr>
            <xdr:cNvPr id="48134" name="Check Box 6" hidden="1">
              <a:extLst>
                <a:ext uri="{63B3BB69-23CF-44E3-9099-C40C66FF867C}">
                  <a14:compatExt spid="_x0000_s48134"/>
                </a:ext>
                <a:ext uri="{FF2B5EF4-FFF2-40B4-BE49-F238E27FC236}">
                  <a16:creationId xmlns:a16="http://schemas.microsoft.com/office/drawing/2014/main" id="{00000000-0008-0000-0800-000006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4</xdr:row>
          <xdr:rowOff>152400</xdr:rowOff>
        </xdr:from>
        <xdr:to>
          <xdr:col>4</xdr:col>
          <xdr:colOff>60960</xdr:colOff>
          <xdr:row>6</xdr:row>
          <xdr:rowOff>60960</xdr:rowOff>
        </xdr:to>
        <xdr:sp macro="" textlink="">
          <xdr:nvSpPr>
            <xdr:cNvPr id="48135" name="Check Box 7" hidden="1">
              <a:extLst>
                <a:ext uri="{63B3BB69-23CF-44E3-9099-C40C66FF867C}">
                  <a14:compatExt spid="_x0000_s48135"/>
                </a:ext>
                <a:ext uri="{FF2B5EF4-FFF2-40B4-BE49-F238E27FC236}">
                  <a16:creationId xmlns:a16="http://schemas.microsoft.com/office/drawing/2014/main" id="{00000000-0008-0000-0800-000007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00</xdr:colOff>
          <xdr:row>4</xdr:row>
          <xdr:rowOff>175260</xdr:rowOff>
        </xdr:from>
        <xdr:to>
          <xdr:col>5</xdr:col>
          <xdr:colOff>22860</xdr:colOff>
          <xdr:row>6</xdr:row>
          <xdr:rowOff>60960</xdr:rowOff>
        </xdr:to>
        <xdr:sp macro="" textlink="">
          <xdr:nvSpPr>
            <xdr:cNvPr id="48136" name="Check Box 8" hidden="1">
              <a:extLst>
                <a:ext uri="{63B3BB69-23CF-44E3-9099-C40C66FF867C}">
                  <a14:compatExt spid="_x0000_s48136"/>
                </a:ext>
                <a:ext uri="{FF2B5EF4-FFF2-40B4-BE49-F238E27FC236}">
                  <a16:creationId xmlns:a16="http://schemas.microsoft.com/office/drawing/2014/main" id="{00000000-0008-0000-0800-000008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xdr:row>
          <xdr:rowOff>175260</xdr:rowOff>
        </xdr:from>
        <xdr:to>
          <xdr:col>9</xdr:col>
          <xdr:colOff>106680</xdr:colOff>
          <xdr:row>6</xdr:row>
          <xdr:rowOff>60960</xdr:rowOff>
        </xdr:to>
        <xdr:sp macro="" textlink="">
          <xdr:nvSpPr>
            <xdr:cNvPr id="48137" name="Check Box 9" hidden="1">
              <a:extLst>
                <a:ext uri="{63B3BB69-23CF-44E3-9099-C40C66FF867C}">
                  <a14:compatExt spid="_x0000_s48137"/>
                </a:ext>
                <a:ext uri="{FF2B5EF4-FFF2-40B4-BE49-F238E27FC236}">
                  <a16:creationId xmlns:a16="http://schemas.microsoft.com/office/drawing/2014/main" id="{00000000-0008-0000-0800-000009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83820</xdr:colOff>
          <xdr:row>19</xdr:row>
          <xdr:rowOff>114300</xdr:rowOff>
        </xdr:from>
        <xdr:to>
          <xdr:col>4</xdr:col>
          <xdr:colOff>327660</xdr:colOff>
          <xdr:row>21</xdr:row>
          <xdr:rowOff>60960</xdr:rowOff>
        </xdr:to>
        <xdr:sp macro="" textlink="">
          <xdr:nvSpPr>
            <xdr:cNvPr id="48138" name="Check Box 10" hidden="1">
              <a:extLst>
                <a:ext uri="{63B3BB69-23CF-44E3-9099-C40C66FF867C}">
                  <a14:compatExt spid="_x0000_s48138"/>
                </a:ext>
                <a:ext uri="{FF2B5EF4-FFF2-40B4-BE49-F238E27FC236}">
                  <a16:creationId xmlns:a16="http://schemas.microsoft.com/office/drawing/2014/main" id="{00000000-0008-0000-0800-00000A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口頭のみ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13360</xdr:colOff>
          <xdr:row>19</xdr:row>
          <xdr:rowOff>137160</xdr:rowOff>
        </xdr:from>
        <xdr:to>
          <xdr:col>5</xdr:col>
          <xdr:colOff>403860</xdr:colOff>
          <xdr:row>21</xdr:row>
          <xdr:rowOff>45720</xdr:rowOff>
        </xdr:to>
        <xdr:sp macro="" textlink="">
          <xdr:nvSpPr>
            <xdr:cNvPr id="48139" name="Check Box 11" hidden="1">
              <a:extLst>
                <a:ext uri="{63B3BB69-23CF-44E3-9099-C40C66FF867C}">
                  <a14:compatExt spid="_x0000_s48139"/>
                </a:ext>
                <a:ext uri="{FF2B5EF4-FFF2-40B4-BE49-F238E27FC236}">
                  <a16:creationId xmlns:a16="http://schemas.microsoft.com/office/drawing/2014/main" id="{00000000-0008-0000-0800-00000B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書面交付</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29</xdr:row>
          <xdr:rowOff>160020</xdr:rowOff>
        </xdr:from>
        <xdr:to>
          <xdr:col>5</xdr:col>
          <xdr:colOff>30480</xdr:colOff>
          <xdr:row>31</xdr:row>
          <xdr:rowOff>45720</xdr:rowOff>
        </xdr:to>
        <xdr:sp macro="" textlink="">
          <xdr:nvSpPr>
            <xdr:cNvPr id="48140" name="Check Box 12" hidden="1">
              <a:extLst>
                <a:ext uri="{63B3BB69-23CF-44E3-9099-C40C66FF867C}">
                  <a14:compatExt spid="_x0000_s48140"/>
                </a:ext>
                <a:ext uri="{FF2B5EF4-FFF2-40B4-BE49-F238E27FC236}">
                  <a16:creationId xmlns:a16="http://schemas.microsoft.com/office/drawing/2014/main" id="{00000000-0008-0000-0800-00000C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夜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54380</xdr:colOff>
          <xdr:row>29</xdr:row>
          <xdr:rowOff>175260</xdr:rowOff>
        </xdr:from>
        <xdr:to>
          <xdr:col>5</xdr:col>
          <xdr:colOff>365760</xdr:colOff>
          <xdr:row>31</xdr:row>
          <xdr:rowOff>22860</xdr:rowOff>
        </xdr:to>
        <xdr:sp macro="" textlink="">
          <xdr:nvSpPr>
            <xdr:cNvPr id="48141" name="Check Box 13" hidden="1">
              <a:extLst>
                <a:ext uri="{63B3BB69-23CF-44E3-9099-C40C66FF867C}">
                  <a14:compatExt spid="_x0000_s48141"/>
                </a:ext>
                <a:ext uri="{FF2B5EF4-FFF2-40B4-BE49-F238E27FC236}">
                  <a16:creationId xmlns:a16="http://schemas.microsoft.com/office/drawing/2014/main" id="{00000000-0008-0000-0800-00000D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宿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0</xdr:row>
          <xdr:rowOff>160020</xdr:rowOff>
        </xdr:from>
        <xdr:to>
          <xdr:col>5</xdr:col>
          <xdr:colOff>30480</xdr:colOff>
          <xdr:row>32</xdr:row>
          <xdr:rowOff>45720</xdr:rowOff>
        </xdr:to>
        <xdr:sp macro="" textlink="">
          <xdr:nvSpPr>
            <xdr:cNvPr id="48142" name="Check Box 14" hidden="1">
              <a:extLst>
                <a:ext uri="{63B3BB69-23CF-44E3-9099-C40C66FF867C}">
                  <a14:compatExt spid="_x0000_s48142"/>
                </a:ext>
                <a:ext uri="{FF2B5EF4-FFF2-40B4-BE49-F238E27FC236}">
                  <a16:creationId xmlns:a16="http://schemas.microsoft.com/office/drawing/2014/main" id="{00000000-0008-0000-0800-00000E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夜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54380</xdr:colOff>
          <xdr:row>30</xdr:row>
          <xdr:rowOff>175260</xdr:rowOff>
        </xdr:from>
        <xdr:to>
          <xdr:col>5</xdr:col>
          <xdr:colOff>365760</xdr:colOff>
          <xdr:row>32</xdr:row>
          <xdr:rowOff>22860</xdr:rowOff>
        </xdr:to>
        <xdr:sp macro="" textlink="">
          <xdr:nvSpPr>
            <xdr:cNvPr id="48143" name="Check Box 15" hidden="1">
              <a:extLst>
                <a:ext uri="{63B3BB69-23CF-44E3-9099-C40C66FF867C}">
                  <a14:compatExt spid="_x0000_s48143"/>
                </a:ext>
                <a:ext uri="{FF2B5EF4-FFF2-40B4-BE49-F238E27FC236}">
                  <a16:creationId xmlns:a16="http://schemas.microsoft.com/office/drawing/2014/main" id="{00000000-0008-0000-0800-00000F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宿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4</xdr:row>
          <xdr:rowOff>137160</xdr:rowOff>
        </xdr:from>
        <xdr:to>
          <xdr:col>3</xdr:col>
          <xdr:colOff>594360</xdr:colOff>
          <xdr:row>36</xdr:row>
          <xdr:rowOff>22860</xdr:rowOff>
        </xdr:to>
        <xdr:sp macro="" textlink="">
          <xdr:nvSpPr>
            <xdr:cNvPr id="48144" name="Check Box 16" hidden="1">
              <a:extLst>
                <a:ext uri="{63B3BB69-23CF-44E3-9099-C40C66FF867C}">
                  <a14:compatExt spid="_x0000_s48144"/>
                </a:ext>
                <a:ext uri="{FF2B5EF4-FFF2-40B4-BE49-F238E27FC236}">
                  <a16:creationId xmlns:a16="http://schemas.microsoft.com/office/drawing/2014/main" id="{00000000-0008-0000-0800-000010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55320</xdr:colOff>
          <xdr:row>34</xdr:row>
          <xdr:rowOff>152400</xdr:rowOff>
        </xdr:from>
        <xdr:to>
          <xdr:col>4</xdr:col>
          <xdr:colOff>312420</xdr:colOff>
          <xdr:row>36</xdr:row>
          <xdr:rowOff>7620</xdr:rowOff>
        </xdr:to>
        <xdr:sp macro="" textlink="">
          <xdr:nvSpPr>
            <xdr:cNvPr id="48145" name="Check Box 17" hidden="1">
              <a:extLst>
                <a:ext uri="{63B3BB69-23CF-44E3-9099-C40C66FF867C}">
                  <a14:compatExt spid="_x0000_s48145"/>
                </a:ext>
                <a:ext uri="{FF2B5EF4-FFF2-40B4-BE49-F238E27FC236}">
                  <a16:creationId xmlns:a16="http://schemas.microsoft.com/office/drawing/2014/main" id="{00000000-0008-0000-0800-000011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40</xdr:row>
          <xdr:rowOff>175260</xdr:rowOff>
        </xdr:from>
        <xdr:to>
          <xdr:col>3</xdr:col>
          <xdr:colOff>556260</xdr:colOff>
          <xdr:row>42</xdr:row>
          <xdr:rowOff>38100</xdr:rowOff>
        </xdr:to>
        <xdr:sp macro="" textlink="">
          <xdr:nvSpPr>
            <xdr:cNvPr id="48146" name="Check Box 18" hidden="1">
              <a:extLst>
                <a:ext uri="{63B3BB69-23CF-44E3-9099-C40C66FF867C}">
                  <a14:compatExt spid="_x0000_s48146"/>
                </a:ext>
                <a:ext uri="{FF2B5EF4-FFF2-40B4-BE49-F238E27FC236}">
                  <a16:creationId xmlns:a16="http://schemas.microsoft.com/office/drawing/2014/main" id="{00000000-0008-0000-0800-000012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17220</xdr:colOff>
          <xdr:row>40</xdr:row>
          <xdr:rowOff>190500</xdr:rowOff>
        </xdr:from>
        <xdr:to>
          <xdr:col>4</xdr:col>
          <xdr:colOff>274320</xdr:colOff>
          <xdr:row>42</xdr:row>
          <xdr:rowOff>22860</xdr:rowOff>
        </xdr:to>
        <xdr:sp macro="" textlink="">
          <xdr:nvSpPr>
            <xdr:cNvPr id="48147" name="Check Box 19" hidden="1">
              <a:extLst>
                <a:ext uri="{63B3BB69-23CF-44E3-9099-C40C66FF867C}">
                  <a14:compatExt spid="_x0000_s48147"/>
                </a:ext>
                <a:ext uri="{FF2B5EF4-FFF2-40B4-BE49-F238E27FC236}">
                  <a16:creationId xmlns:a16="http://schemas.microsoft.com/office/drawing/2014/main" id="{00000000-0008-0000-0800-000013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14300</xdr:colOff>
          <xdr:row>43</xdr:row>
          <xdr:rowOff>160020</xdr:rowOff>
        </xdr:from>
        <xdr:to>
          <xdr:col>3</xdr:col>
          <xdr:colOff>556260</xdr:colOff>
          <xdr:row>45</xdr:row>
          <xdr:rowOff>30480</xdr:rowOff>
        </xdr:to>
        <xdr:sp macro="" textlink="">
          <xdr:nvSpPr>
            <xdr:cNvPr id="48148" name="Check Box 20" hidden="1">
              <a:extLst>
                <a:ext uri="{63B3BB69-23CF-44E3-9099-C40C66FF867C}">
                  <a14:compatExt spid="_x0000_s48148"/>
                </a:ext>
                <a:ext uri="{FF2B5EF4-FFF2-40B4-BE49-F238E27FC236}">
                  <a16:creationId xmlns:a16="http://schemas.microsoft.com/office/drawing/2014/main" id="{00000000-0008-0000-0800-000014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2460</xdr:colOff>
          <xdr:row>43</xdr:row>
          <xdr:rowOff>182880</xdr:rowOff>
        </xdr:from>
        <xdr:to>
          <xdr:col>4</xdr:col>
          <xdr:colOff>289560</xdr:colOff>
          <xdr:row>45</xdr:row>
          <xdr:rowOff>22860</xdr:rowOff>
        </xdr:to>
        <xdr:sp macro="" textlink="">
          <xdr:nvSpPr>
            <xdr:cNvPr id="48149" name="Check Box 21" hidden="1">
              <a:extLst>
                <a:ext uri="{63B3BB69-23CF-44E3-9099-C40C66FF867C}">
                  <a14:compatExt spid="_x0000_s48149"/>
                </a:ext>
                <a:ext uri="{FF2B5EF4-FFF2-40B4-BE49-F238E27FC236}">
                  <a16:creationId xmlns:a16="http://schemas.microsoft.com/office/drawing/2014/main" id="{00000000-0008-0000-0800-000015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xdr:row>
          <xdr:rowOff>76200</xdr:rowOff>
        </xdr:from>
        <xdr:to>
          <xdr:col>5</xdr:col>
          <xdr:colOff>60960</xdr:colOff>
          <xdr:row>4</xdr:row>
          <xdr:rowOff>60960</xdr:rowOff>
        </xdr:to>
        <xdr:sp macro="" textlink="">
          <xdr:nvSpPr>
            <xdr:cNvPr id="48151" name="Check Box 23" hidden="1">
              <a:extLst>
                <a:ext uri="{63B3BB69-23CF-44E3-9099-C40C66FF867C}">
                  <a14:compatExt spid="_x0000_s48151"/>
                </a:ext>
                <a:ext uri="{FF2B5EF4-FFF2-40B4-BE49-F238E27FC236}">
                  <a16:creationId xmlns:a16="http://schemas.microsoft.com/office/drawing/2014/main" id="{00000000-0008-0000-0800-000017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36220</xdr:colOff>
          <xdr:row>0</xdr:row>
          <xdr:rowOff>0</xdr:rowOff>
        </xdr:from>
        <xdr:to>
          <xdr:col>5</xdr:col>
          <xdr:colOff>60960</xdr:colOff>
          <xdr:row>1</xdr:row>
          <xdr:rowOff>15240</xdr:rowOff>
        </xdr:to>
        <xdr:sp macro="" textlink="">
          <xdr:nvSpPr>
            <xdr:cNvPr id="49153" name="Check Box 1" hidden="1">
              <a:extLst>
                <a:ext uri="{63B3BB69-23CF-44E3-9099-C40C66FF867C}">
                  <a14:compatExt spid="_x0000_s49153"/>
                </a:ext>
                <a:ext uri="{FF2B5EF4-FFF2-40B4-BE49-F238E27FC236}">
                  <a16:creationId xmlns:a16="http://schemas.microsoft.com/office/drawing/2014/main" id="{00000000-0008-0000-0A00-000001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0</xdr:row>
          <xdr:rowOff>15240</xdr:rowOff>
        </xdr:from>
        <xdr:to>
          <xdr:col>5</xdr:col>
          <xdr:colOff>556260</xdr:colOff>
          <xdr:row>1</xdr:row>
          <xdr:rowOff>0</xdr:rowOff>
        </xdr:to>
        <xdr:sp macro="" textlink="">
          <xdr:nvSpPr>
            <xdr:cNvPr id="49154" name="Check Box 2" hidden="1">
              <a:extLst>
                <a:ext uri="{63B3BB69-23CF-44E3-9099-C40C66FF867C}">
                  <a14:compatExt spid="_x0000_s49154"/>
                </a:ext>
                <a:ext uri="{FF2B5EF4-FFF2-40B4-BE49-F238E27FC236}">
                  <a16:creationId xmlns:a16="http://schemas.microsoft.com/office/drawing/2014/main" id="{00000000-0008-0000-0A00-000002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2</xdr:row>
          <xdr:rowOff>68580</xdr:rowOff>
        </xdr:from>
        <xdr:to>
          <xdr:col>7</xdr:col>
          <xdr:colOff>22860</xdr:colOff>
          <xdr:row>3</xdr:row>
          <xdr:rowOff>137160</xdr:rowOff>
        </xdr:to>
        <xdr:sp macro="" textlink="">
          <xdr:nvSpPr>
            <xdr:cNvPr id="49155" name="Check Box 3" hidden="1">
              <a:extLst>
                <a:ext uri="{63B3BB69-23CF-44E3-9099-C40C66FF867C}">
                  <a14:compatExt spid="_x0000_s49155"/>
                </a:ext>
                <a:ext uri="{FF2B5EF4-FFF2-40B4-BE49-F238E27FC236}">
                  <a16:creationId xmlns:a16="http://schemas.microsoft.com/office/drawing/2014/main" id="{00000000-0008-0000-0A00-000003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9060</xdr:colOff>
          <xdr:row>2</xdr:row>
          <xdr:rowOff>99060</xdr:rowOff>
        </xdr:from>
        <xdr:to>
          <xdr:col>7</xdr:col>
          <xdr:colOff>518160</xdr:colOff>
          <xdr:row>3</xdr:row>
          <xdr:rowOff>114300</xdr:rowOff>
        </xdr:to>
        <xdr:sp macro="" textlink="">
          <xdr:nvSpPr>
            <xdr:cNvPr id="49156" name="Check Box 4" hidden="1">
              <a:extLst>
                <a:ext uri="{63B3BB69-23CF-44E3-9099-C40C66FF867C}">
                  <a14:compatExt spid="_x0000_s49156"/>
                </a:ext>
                <a:ext uri="{FF2B5EF4-FFF2-40B4-BE49-F238E27FC236}">
                  <a16:creationId xmlns:a16="http://schemas.microsoft.com/office/drawing/2014/main" id="{00000000-0008-0000-0A00-000004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15</xdr:row>
          <xdr:rowOff>0</xdr:rowOff>
        </xdr:from>
        <xdr:to>
          <xdr:col>4</xdr:col>
          <xdr:colOff>30480</xdr:colOff>
          <xdr:row>16</xdr:row>
          <xdr:rowOff>0</xdr:rowOff>
        </xdr:to>
        <xdr:sp macro="" textlink="">
          <xdr:nvSpPr>
            <xdr:cNvPr id="49157" name="Check Box 5" hidden="1">
              <a:extLst>
                <a:ext uri="{63B3BB69-23CF-44E3-9099-C40C66FF867C}">
                  <a14:compatExt spid="_x0000_s49157"/>
                </a:ext>
                <a:ext uri="{FF2B5EF4-FFF2-40B4-BE49-F238E27FC236}">
                  <a16:creationId xmlns:a16="http://schemas.microsoft.com/office/drawing/2014/main" id="{00000000-0008-0000-0A00-000005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15</xdr:row>
          <xdr:rowOff>22860</xdr:rowOff>
        </xdr:from>
        <xdr:to>
          <xdr:col>4</xdr:col>
          <xdr:colOff>525780</xdr:colOff>
          <xdr:row>15</xdr:row>
          <xdr:rowOff>251460</xdr:rowOff>
        </xdr:to>
        <xdr:sp macro="" textlink="">
          <xdr:nvSpPr>
            <xdr:cNvPr id="49158" name="Check Box 6" hidden="1">
              <a:extLst>
                <a:ext uri="{63B3BB69-23CF-44E3-9099-C40C66FF867C}">
                  <a14:compatExt spid="_x0000_s49158"/>
                </a:ext>
                <a:ext uri="{FF2B5EF4-FFF2-40B4-BE49-F238E27FC236}">
                  <a16:creationId xmlns:a16="http://schemas.microsoft.com/office/drawing/2014/main" id="{00000000-0008-0000-0A00-000006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16</xdr:row>
          <xdr:rowOff>0</xdr:rowOff>
        </xdr:from>
        <xdr:to>
          <xdr:col>4</xdr:col>
          <xdr:colOff>30480</xdr:colOff>
          <xdr:row>17</xdr:row>
          <xdr:rowOff>0</xdr:rowOff>
        </xdr:to>
        <xdr:sp macro="" textlink="">
          <xdr:nvSpPr>
            <xdr:cNvPr id="49159" name="Check Box 7" hidden="1">
              <a:extLst>
                <a:ext uri="{63B3BB69-23CF-44E3-9099-C40C66FF867C}">
                  <a14:compatExt spid="_x0000_s49159"/>
                </a:ext>
                <a:ext uri="{FF2B5EF4-FFF2-40B4-BE49-F238E27FC236}">
                  <a16:creationId xmlns:a16="http://schemas.microsoft.com/office/drawing/2014/main" id="{00000000-0008-0000-0A00-000007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16</xdr:row>
          <xdr:rowOff>22860</xdr:rowOff>
        </xdr:from>
        <xdr:to>
          <xdr:col>4</xdr:col>
          <xdr:colOff>525780</xdr:colOff>
          <xdr:row>16</xdr:row>
          <xdr:rowOff>251460</xdr:rowOff>
        </xdr:to>
        <xdr:sp macro="" textlink="">
          <xdr:nvSpPr>
            <xdr:cNvPr id="49160" name="Check Box 8" hidden="1">
              <a:extLst>
                <a:ext uri="{63B3BB69-23CF-44E3-9099-C40C66FF867C}">
                  <a14:compatExt spid="_x0000_s49160"/>
                </a:ext>
                <a:ext uri="{FF2B5EF4-FFF2-40B4-BE49-F238E27FC236}">
                  <a16:creationId xmlns:a16="http://schemas.microsoft.com/office/drawing/2014/main" id="{00000000-0008-0000-0A00-000008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19</xdr:row>
          <xdr:rowOff>0</xdr:rowOff>
        </xdr:from>
        <xdr:to>
          <xdr:col>4</xdr:col>
          <xdr:colOff>30480</xdr:colOff>
          <xdr:row>19</xdr:row>
          <xdr:rowOff>266700</xdr:rowOff>
        </xdr:to>
        <xdr:sp macro="" textlink="">
          <xdr:nvSpPr>
            <xdr:cNvPr id="49161" name="Check Box 9" hidden="1">
              <a:extLst>
                <a:ext uri="{63B3BB69-23CF-44E3-9099-C40C66FF867C}">
                  <a14:compatExt spid="_x0000_s49161"/>
                </a:ext>
                <a:ext uri="{FF2B5EF4-FFF2-40B4-BE49-F238E27FC236}">
                  <a16:creationId xmlns:a16="http://schemas.microsoft.com/office/drawing/2014/main" id="{00000000-0008-0000-0A00-000009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19</xdr:row>
          <xdr:rowOff>22860</xdr:rowOff>
        </xdr:from>
        <xdr:to>
          <xdr:col>4</xdr:col>
          <xdr:colOff>525780</xdr:colOff>
          <xdr:row>19</xdr:row>
          <xdr:rowOff>251460</xdr:rowOff>
        </xdr:to>
        <xdr:sp macro="" textlink="">
          <xdr:nvSpPr>
            <xdr:cNvPr id="49162" name="Check Box 10" hidden="1">
              <a:extLst>
                <a:ext uri="{63B3BB69-23CF-44E3-9099-C40C66FF867C}">
                  <a14:compatExt spid="_x0000_s49162"/>
                </a:ext>
                <a:ext uri="{FF2B5EF4-FFF2-40B4-BE49-F238E27FC236}">
                  <a16:creationId xmlns:a16="http://schemas.microsoft.com/office/drawing/2014/main" id="{00000000-0008-0000-0A00-00000A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6</xdr:row>
          <xdr:rowOff>68580</xdr:rowOff>
        </xdr:from>
        <xdr:to>
          <xdr:col>9</xdr:col>
          <xdr:colOff>487680</xdr:colOff>
          <xdr:row>36</xdr:row>
          <xdr:rowOff>335280</xdr:rowOff>
        </xdr:to>
        <xdr:sp macro="" textlink="">
          <xdr:nvSpPr>
            <xdr:cNvPr id="49163" name="Check Box 11" hidden="1">
              <a:extLst>
                <a:ext uri="{63B3BB69-23CF-44E3-9099-C40C66FF867C}">
                  <a14:compatExt spid="_x0000_s49163"/>
                </a:ext>
                <a:ext uri="{FF2B5EF4-FFF2-40B4-BE49-F238E27FC236}">
                  <a16:creationId xmlns:a16="http://schemas.microsoft.com/office/drawing/2014/main" id="{00000000-0008-0000-0A00-00000B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6</xdr:row>
          <xdr:rowOff>274320</xdr:rowOff>
        </xdr:from>
        <xdr:to>
          <xdr:col>9</xdr:col>
          <xdr:colOff>487680</xdr:colOff>
          <xdr:row>36</xdr:row>
          <xdr:rowOff>541020</xdr:rowOff>
        </xdr:to>
        <xdr:sp macro="" textlink="">
          <xdr:nvSpPr>
            <xdr:cNvPr id="49164" name="Check Box 12" hidden="1">
              <a:extLst>
                <a:ext uri="{63B3BB69-23CF-44E3-9099-C40C66FF867C}">
                  <a14:compatExt spid="_x0000_s49164"/>
                </a:ext>
                <a:ext uri="{FF2B5EF4-FFF2-40B4-BE49-F238E27FC236}">
                  <a16:creationId xmlns:a16="http://schemas.microsoft.com/office/drawing/2014/main" id="{00000000-0008-0000-0A00-00000C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8580</xdr:colOff>
          <xdr:row>43</xdr:row>
          <xdr:rowOff>152400</xdr:rowOff>
        </xdr:from>
        <xdr:to>
          <xdr:col>3</xdr:col>
          <xdr:colOff>518160</xdr:colOff>
          <xdr:row>45</xdr:row>
          <xdr:rowOff>38100</xdr:rowOff>
        </xdr:to>
        <xdr:sp macro="" textlink="">
          <xdr:nvSpPr>
            <xdr:cNvPr id="49165" name="Check Box 13" hidden="1">
              <a:extLst>
                <a:ext uri="{63B3BB69-23CF-44E3-9099-C40C66FF867C}">
                  <a14:compatExt spid="_x0000_s49165"/>
                </a:ext>
                <a:ext uri="{FF2B5EF4-FFF2-40B4-BE49-F238E27FC236}">
                  <a16:creationId xmlns:a16="http://schemas.microsoft.com/office/drawing/2014/main" id="{00000000-0008-0000-0A00-00000D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43</xdr:row>
          <xdr:rowOff>160020</xdr:rowOff>
        </xdr:from>
        <xdr:to>
          <xdr:col>6</xdr:col>
          <xdr:colOff>38100</xdr:colOff>
          <xdr:row>45</xdr:row>
          <xdr:rowOff>7620</xdr:rowOff>
        </xdr:to>
        <xdr:sp macro="" textlink="">
          <xdr:nvSpPr>
            <xdr:cNvPr id="49166" name="Check Box 14" hidden="1">
              <a:extLst>
                <a:ext uri="{63B3BB69-23CF-44E3-9099-C40C66FF867C}">
                  <a14:compatExt spid="_x0000_s49166"/>
                </a:ext>
                <a:ext uri="{FF2B5EF4-FFF2-40B4-BE49-F238E27FC236}">
                  <a16:creationId xmlns:a16="http://schemas.microsoft.com/office/drawing/2014/main" id="{00000000-0008-0000-0A00-00000E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0960</xdr:colOff>
          <xdr:row>44</xdr:row>
          <xdr:rowOff>190500</xdr:rowOff>
        </xdr:from>
        <xdr:to>
          <xdr:col>3</xdr:col>
          <xdr:colOff>502920</xdr:colOff>
          <xdr:row>46</xdr:row>
          <xdr:rowOff>45720</xdr:rowOff>
        </xdr:to>
        <xdr:sp macro="" textlink="">
          <xdr:nvSpPr>
            <xdr:cNvPr id="49167" name="Check Box 15" hidden="1">
              <a:extLst>
                <a:ext uri="{63B3BB69-23CF-44E3-9099-C40C66FF867C}">
                  <a14:compatExt spid="_x0000_s49167"/>
                </a:ext>
                <a:ext uri="{FF2B5EF4-FFF2-40B4-BE49-F238E27FC236}">
                  <a16:creationId xmlns:a16="http://schemas.microsoft.com/office/drawing/2014/main" id="{00000000-0008-0000-0A00-00000F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45</xdr:row>
          <xdr:rowOff>0</xdr:rowOff>
        </xdr:from>
        <xdr:to>
          <xdr:col>6</xdr:col>
          <xdr:colOff>45720</xdr:colOff>
          <xdr:row>46</xdr:row>
          <xdr:rowOff>22860</xdr:rowOff>
        </xdr:to>
        <xdr:sp macro="" textlink="">
          <xdr:nvSpPr>
            <xdr:cNvPr id="49168" name="Check Box 16" hidden="1">
              <a:extLst>
                <a:ext uri="{63B3BB69-23CF-44E3-9099-C40C66FF867C}">
                  <a14:compatExt spid="_x0000_s49168"/>
                </a:ext>
                <a:ext uri="{FF2B5EF4-FFF2-40B4-BE49-F238E27FC236}">
                  <a16:creationId xmlns:a16="http://schemas.microsoft.com/office/drawing/2014/main" id="{00000000-0008-0000-0A00-000010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fs01\s1386\05_&#30435;&#26619;&#12464;&#12523;&#12540;&#12503;\09&#12288;&#25351;&#23566;&#30435;&#26619;&#20840;&#20307;\02_&#25552;&#20986;&#27096;&#24335;&#12289;&#35519;&#26360;&#27096;&#24335;\&#35469;&#21487;&#65288;&#20445;&#32946;&#25152;&#12289;&#20816;&#31461;&#39178;&#35703;&#65289;\&#9733;R8&#25913;&#27491;\&#65288;&#21442;&#32771;&#65289;&#20140;&#37117;&#24066;&#20107;&#21069;&#25552;&#20986;&#36039;&#26009;&#65288;&#32887;&#21729;&#21517;&#31807;&#65289;.xlsx" TargetMode="External"/><Relationship Id="rId1" Type="http://schemas.openxmlformats.org/officeDocument/2006/relationships/externalLinkPath" Target="/05_&#30435;&#26619;&#12464;&#12523;&#12540;&#12503;/09&#12288;&#25351;&#23566;&#30435;&#26619;&#20840;&#20307;/02_&#25552;&#20986;&#27096;&#24335;&#12289;&#35519;&#26360;&#27096;&#24335;/&#35469;&#21487;&#65288;&#20445;&#32946;&#25152;&#12289;&#20816;&#31461;&#39178;&#35703;&#65289;/&#9733;R8&#25913;&#27491;/&#21517;&#31807;&#20316;&#25104;/&#65288;&#21442;&#32771;&#65289;&#20140;&#37117;&#24066;&#20107;&#21069;&#25552;&#20986;&#36039;&#26009;&#65288;&#32887;&#21729;&#21517;&#31807;&#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表紙 "/>
      <sheetName val="提出資料一覧"/>
      <sheetName val="１施設"/>
      <sheetName val="２保育 "/>
      <sheetName val="３給食"/>
      <sheetName val="プルダウン "/>
      <sheetName val="４財務"/>
      <sheetName val="５職員基本情報調査表（常勤）"/>
      <sheetName val="６職員基本情報調査表（非常勤）"/>
      <sheetName val="７保育状況"/>
    </sheetNames>
    <sheetDataSet>
      <sheetData sheetId="0"/>
      <sheetData sheetId="1"/>
      <sheetData sheetId="2">
        <row r="4">
          <cell r="J4"/>
        </row>
        <row r="5">
          <cell r="J5"/>
        </row>
      </sheetData>
      <sheetData sheetId="3"/>
      <sheetData sheetId="4"/>
      <sheetData sheetId="5"/>
      <sheetData sheetId="6"/>
      <sheetData sheetId="7"/>
      <sheetData sheetId="8"/>
      <sheetData sheetId="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8" Type="http://schemas.openxmlformats.org/officeDocument/2006/relationships/ctrlProp" Target="../ctrlProps/ctrlProp119.xml"/><Relationship Id="rId13" Type="http://schemas.openxmlformats.org/officeDocument/2006/relationships/ctrlProp" Target="../ctrlProps/ctrlProp124.xml"/><Relationship Id="rId18" Type="http://schemas.openxmlformats.org/officeDocument/2006/relationships/ctrlProp" Target="../ctrlProps/ctrlProp129.xml"/><Relationship Id="rId3" Type="http://schemas.openxmlformats.org/officeDocument/2006/relationships/vmlDrawing" Target="../drawings/vmlDrawing9.vml"/><Relationship Id="rId7" Type="http://schemas.openxmlformats.org/officeDocument/2006/relationships/ctrlProp" Target="../ctrlProps/ctrlProp118.xml"/><Relationship Id="rId12" Type="http://schemas.openxmlformats.org/officeDocument/2006/relationships/ctrlProp" Target="../ctrlProps/ctrlProp123.xml"/><Relationship Id="rId17" Type="http://schemas.openxmlformats.org/officeDocument/2006/relationships/ctrlProp" Target="../ctrlProps/ctrlProp128.xml"/><Relationship Id="rId2" Type="http://schemas.openxmlformats.org/officeDocument/2006/relationships/drawing" Target="../drawings/drawing9.xml"/><Relationship Id="rId16" Type="http://schemas.openxmlformats.org/officeDocument/2006/relationships/ctrlProp" Target="../ctrlProps/ctrlProp127.xml"/><Relationship Id="rId1" Type="http://schemas.openxmlformats.org/officeDocument/2006/relationships/printerSettings" Target="../printerSettings/printerSettings11.bin"/><Relationship Id="rId6" Type="http://schemas.openxmlformats.org/officeDocument/2006/relationships/ctrlProp" Target="../ctrlProps/ctrlProp117.xml"/><Relationship Id="rId11" Type="http://schemas.openxmlformats.org/officeDocument/2006/relationships/ctrlProp" Target="../ctrlProps/ctrlProp122.xml"/><Relationship Id="rId5" Type="http://schemas.openxmlformats.org/officeDocument/2006/relationships/ctrlProp" Target="../ctrlProps/ctrlProp116.xml"/><Relationship Id="rId15" Type="http://schemas.openxmlformats.org/officeDocument/2006/relationships/ctrlProp" Target="../ctrlProps/ctrlProp126.xml"/><Relationship Id="rId10" Type="http://schemas.openxmlformats.org/officeDocument/2006/relationships/ctrlProp" Target="../ctrlProps/ctrlProp121.xml"/><Relationship Id="rId19" Type="http://schemas.openxmlformats.org/officeDocument/2006/relationships/ctrlProp" Target="../ctrlProps/ctrlProp130.xml"/><Relationship Id="rId4" Type="http://schemas.openxmlformats.org/officeDocument/2006/relationships/ctrlProp" Target="../ctrlProps/ctrlProp115.xml"/><Relationship Id="rId9" Type="http://schemas.openxmlformats.org/officeDocument/2006/relationships/ctrlProp" Target="../ctrlProps/ctrlProp120.xml"/><Relationship Id="rId14" Type="http://schemas.openxmlformats.org/officeDocument/2006/relationships/ctrlProp" Target="../ctrlProps/ctrlProp125.xml"/></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135.xml"/><Relationship Id="rId3" Type="http://schemas.openxmlformats.org/officeDocument/2006/relationships/vmlDrawing" Target="../drawings/vmlDrawing10.vml"/><Relationship Id="rId7" Type="http://schemas.openxmlformats.org/officeDocument/2006/relationships/ctrlProp" Target="../ctrlProps/ctrlProp134.xml"/><Relationship Id="rId2" Type="http://schemas.openxmlformats.org/officeDocument/2006/relationships/drawing" Target="../drawings/drawing11.xml"/><Relationship Id="rId1" Type="http://schemas.openxmlformats.org/officeDocument/2006/relationships/printerSettings" Target="../printerSettings/printerSettings13.bin"/><Relationship Id="rId6" Type="http://schemas.openxmlformats.org/officeDocument/2006/relationships/ctrlProp" Target="../ctrlProps/ctrlProp133.xml"/><Relationship Id="rId11" Type="http://schemas.openxmlformats.org/officeDocument/2006/relationships/ctrlProp" Target="../ctrlProps/ctrlProp138.xml"/><Relationship Id="rId5" Type="http://schemas.openxmlformats.org/officeDocument/2006/relationships/ctrlProp" Target="../ctrlProps/ctrlProp132.xml"/><Relationship Id="rId10" Type="http://schemas.openxmlformats.org/officeDocument/2006/relationships/ctrlProp" Target="../ctrlProps/ctrlProp137.xml"/><Relationship Id="rId4" Type="http://schemas.openxmlformats.org/officeDocument/2006/relationships/ctrlProp" Target="../ctrlProps/ctrlProp131.xml"/><Relationship Id="rId9" Type="http://schemas.openxmlformats.org/officeDocument/2006/relationships/ctrlProp" Target="../ctrlProps/ctrlProp136.xml"/></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11.vml"/><Relationship Id="rId7" Type="http://schemas.openxmlformats.org/officeDocument/2006/relationships/ctrlProp" Target="../ctrlProps/ctrlProp142.xml"/><Relationship Id="rId2" Type="http://schemas.openxmlformats.org/officeDocument/2006/relationships/drawing" Target="../drawings/drawing12.xml"/><Relationship Id="rId1" Type="http://schemas.openxmlformats.org/officeDocument/2006/relationships/printerSettings" Target="../printerSettings/printerSettings14.bin"/><Relationship Id="rId6" Type="http://schemas.openxmlformats.org/officeDocument/2006/relationships/ctrlProp" Target="../ctrlProps/ctrlProp141.xml"/><Relationship Id="rId5" Type="http://schemas.openxmlformats.org/officeDocument/2006/relationships/ctrlProp" Target="../ctrlProps/ctrlProp140.xml"/><Relationship Id="rId4" Type="http://schemas.openxmlformats.org/officeDocument/2006/relationships/ctrlProp" Target="../ctrlProps/ctrlProp139.xml"/></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147.xml"/><Relationship Id="rId3" Type="http://schemas.openxmlformats.org/officeDocument/2006/relationships/vmlDrawing" Target="../drawings/vmlDrawing12.vml"/><Relationship Id="rId7" Type="http://schemas.openxmlformats.org/officeDocument/2006/relationships/ctrlProp" Target="../ctrlProps/ctrlProp146.xml"/><Relationship Id="rId2" Type="http://schemas.openxmlformats.org/officeDocument/2006/relationships/drawing" Target="../drawings/drawing13.xml"/><Relationship Id="rId1" Type="http://schemas.openxmlformats.org/officeDocument/2006/relationships/printerSettings" Target="../printerSettings/printerSettings16.bin"/><Relationship Id="rId6" Type="http://schemas.openxmlformats.org/officeDocument/2006/relationships/ctrlProp" Target="../ctrlProps/ctrlProp145.xml"/><Relationship Id="rId5" Type="http://schemas.openxmlformats.org/officeDocument/2006/relationships/ctrlProp" Target="../ctrlProps/ctrlProp144.xml"/><Relationship Id="rId4" Type="http://schemas.openxmlformats.org/officeDocument/2006/relationships/ctrlProp" Target="../ctrlProps/ctrlProp143.xml"/><Relationship Id="rId9" Type="http://schemas.openxmlformats.org/officeDocument/2006/relationships/ctrlProp" Target="../ctrlProps/ctrlProp148.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8" Type="http://schemas.openxmlformats.org/officeDocument/2006/relationships/ctrlProp" Target="../ctrlProps/ctrlProp153.xml"/><Relationship Id="rId13" Type="http://schemas.openxmlformats.org/officeDocument/2006/relationships/ctrlProp" Target="../ctrlProps/ctrlProp158.xml"/><Relationship Id="rId3" Type="http://schemas.openxmlformats.org/officeDocument/2006/relationships/vmlDrawing" Target="../drawings/vmlDrawing13.vml"/><Relationship Id="rId7" Type="http://schemas.openxmlformats.org/officeDocument/2006/relationships/ctrlProp" Target="../ctrlProps/ctrlProp152.xml"/><Relationship Id="rId12" Type="http://schemas.openxmlformats.org/officeDocument/2006/relationships/ctrlProp" Target="../ctrlProps/ctrlProp157.xml"/><Relationship Id="rId2" Type="http://schemas.openxmlformats.org/officeDocument/2006/relationships/drawing" Target="../drawings/drawing14.xml"/><Relationship Id="rId1" Type="http://schemas.openxmlformats.org/officeDocument/2006/relationships/printerSettings" Target="../printerSettings/printerSettings18.bin"/><Relationship Id="rId6" Type="http://schemas.openxmlformats.org/officeDocument/2006/relationships/ctrlProp" Target="../ctrlProps/ctrlProp151.xml"/><Relationship Id="rId11" Type="http://schemas.openxmlformats.org/officeDocument/2006/relationships/ctrlProp" Target="../ctrlProps/ctrlProp156.xml"/><Relationship Id="rId5" Type="http://schemas.openxmlformats.org/officeDocument/2006/relationships/ctrlProp" Target="../ctrlProps/ctrlProp150.xml"/><Relationship Id="rId15" Type="http://schemas.openxmlformats.org/officeDocument/2006/relationships/ctrlProp" Target="../ctrlProps/ctrlProp160.xml"/><Relationship Id="rId10" Type="http://schemas.openxmlformats.org/officeDocument/2006/relationships/ctrlProp" Target="../ctrlProps/ctrlProp155.xml"/><Relationship Id="rId4" Type="http://schemas.openxmlformats.org/officeDocument/2006/relationships/ctrlProp" Target="../ctrlProps/ctrlProp149.xml"/><Relationship Id="rId9" Type="http://schemas.openxmlformats.org/officeDocument/2006/relationships/ctrlProp" Target="../ctrlProps/ctrlProp154.xml"/><Relationship Id="rId14" Type="http://schemas.openxmlformats.org/officeDocument/2006/relationships/ctrlProp" Target="../ctrlProps/ctrlProp159.xml"/></Relationships>
</file>

<file path=xl/worksheets/_rels/sheet19.xml.rels><?xml version="1.0" encoding="UTF-8" standalone="yes"?>
<Relationships xmlns="http://schemas.openxmlformats.org/package/2006/relationships"><Relationship Id="rId8" Type="http://schemas.openxmlformats.org/officeDocument/2006/relationships/ctrlProp" Target="../ctrlProps/ctrlProp165.xml"/><Relationship Id="rId13" Type="http://schemas.openxmlformats.org/officeDocument/2006/relationships/ctrlProp" Target="../ctrlProps/ctrlProp170.xml"/><Relationship Id="rId18" Type="http://schemas.openxmlformats.org/officeDocument/2006/relationships/ctrlProp" Target="../ctrlProps/ctrlProp175.xml"/><Relationship Id="rId26" Type="http://schemas.openxmlformats.org/officeDocument/2006/relationships/ctrlProp" Target="../ctrlProps/ctrlProp183.xml"/><Relationship Id="rId3" Type="http://schemas.openxmlformats.org/officeDocument/2006/relationships/vmlDrawing" Target="../drawings/vmlDrawing14.vml"/><Relationship Id="rId21" Type="http://schemas.openxmlformats.org/officeDocument/2006/relationships/ctrlProp" Target="../ctrlProps/ctrlProp178.xml"/><Relationship Id="rId7" Type="http://schemas.openxmlformats.org/officeDocument/2006/relationships/ctrlProp" Target="../ctrlProps/ctrlProp164.xml"/><Relationship Id="rId12" Type="http://schemas.openxmlformats.org/officeDocument/2006/relationships/ctrlProp" Target="../ctrlProps/ctrlProp169.xml"/><Relationship Id="rId17" Type="http://schemas.openxmlformats.org/officeDocument/2006/relationships/ctrlProp" Target="../ctrlProps/ctrlProp174.xml"/><Relationship Id="rId25" Type="http://schemas.openxmlformats.org/officeDocument/2006/relationships/ctrlProp" Target="../ctrlProps/ctrlProp182.xml"/><Relationship Id="rId2" Type="http://schemas.openxmlformats.org/officeDocument/2006/relationships/drawing" Target="../drawings/drawing15.xml"/><Relationship Id="rId16" Type="http://schemas.openxmlformats.org/officeDocument/2006/relationships/ctrlProp" Target="../ctrlProps/ctrlProp173.xml"/><Relationship Id="rId20" Type="http://schemas.openxmlformats.org/officeDocument/2006/relationships/ctrlProp" Target="../ctrlProps/ctrlProp177.xml"/><Relationship Id="rId29" Type="http://schemas.openxmlformats.org/officeDocument/2006/relationships/ctrlProp" Target="../ctrlProps/ctrlProp186.xml"/><Relationship Id="rId1" Type="http://schemas.openxmlformats.org/officeDocument/2006/relationships/printerSettings" Target="../printerSettings/printerSettings19.bin"/><Relationship Id="rId6" Type="http://schemas.openxmlformats.org/officeDocument/2006/relationships/ctrlProp" Target="../ctrlProps/ctrlProp163.xml"/><Relationship Id="rId11" Type="http://schemas.openxmlformats.org/officeDocument/2006/relationships/ctrlProp" Target="../ctrlProps/ctrlProp168.xml"/><Relationship Id="rId24" Type="http://schemas.openxmlformats.org/officeDocument/2006/relationships/ctrlProp" Target="../ctrlProps/ctrlProp181.xml"/><Relationship Id="rId5" Type="http://schemas.openxmlformats.org/officeDocument/2006/relationships/ctrlProp" Target="../ctrlProps/ctrlProp162.xml"/><Relationship Id="rId15" Type="http://schemas.openxmlformats.org/officeDocument/2006/relationships/ctrlProp" Target="../ctrlProps/ctrlProp172.xml"/><Relationship Id="rId23" Type="http://schemas.openxmlformats.org/officeDocument/2006/relationships/ctrlProp" Target="../ctrlProps/ctrlProp180.xml"/><Relationship Id="rId28" Type="http://schemas.openxmlformats.org/officeDocument/2006/relationships/ctrlProp" Target="../ctrlProps/ctrlProp185.xml"/><Relationship Id="rId10" Type="http://schemas.openxmlformats.org/officeDocument/2006/relationships/ctrlProp" Target="../ctrlProps/ctrlProp167.xml"/><Relationship Id="rId19" Type="http://schemas.openxmlformats.org/officeDocument/2006/relationships/ctrlProp" Target="../ctrlProps/ctrlProp176.xml"/><Relationship Id="rId31" Type="http://schemas.openxmlformats.org/officeDocument/2006/relationships/ctrlProp" Target="../ctrlProps/ctrlProp188.xml"/><Relationship Id="rId4" Type="http://schemas.openxmlformats.org/officeDocument/2006/relationships/ctrlProp" Target="../ctrlProps/ctrlProp161.xml"/><Relationship Id="rId9" Type="http://schemas.openxmlformats.org/officeDocument/2006/relationships/ctrlProp" Target="../ctrlProps/ctrlProp166.xml"/><Relationship Id="rId14" Type="http://schemas.openxmlformats.org/officeDocument/2006/relationships/ctrlProp" Target="../ctrlProps/ctrlProp171.xml"/><Relationship Id="rId22" Type="http://schemas.openxmlformats.org/officeDocument/2006/relationships/ctrlProp" Target="../ctrlProps/ctrlProp179.xml"/><Relationship Id="rId27" Type="http://schemas.openxmlformats.org/officeDocument/2006/relationships/ctrlProp" Target="../ctrlProps/ctrlProp184.xml"/><Relationship Id="rId30" Type="http://schemas.openxmlformats.org/officeDocument/2006/relationships/ctrlProp" Target="../ctrlProps/ctrlProp187.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1.xml"/><Relationship Id="rId3" Type="http://schemas.openxmlformats.org/officeDocument/2006/relationships/vmlDrawing" Target="../drawings/vmlDrawing2.vml"/><Relationship Id="rId7" Type="http://schemas.openxmlformats.org/officeDocument/2006/relationships/ctrlProp" Target="../ctrlProps/ctrlProp10.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9.xml"/><Relationship Id="rId5" Type="http://schemas.openxmlformats.org/officeDocument/2006/relationships/ctrlProp" Target="../ctrlProps/ctrlProp8.xml"/><Relationship Id="rId4" Type="http://schemas.openxmlformats.org/officeDocument/2006/relationships/ctrlProp" Target="../ctrlProps/ctrlProp7.xml"/><Relationship Id="rId9" Type="http://schemas.openxmlformats.org/officeDocument/2006/relationships/ctrlProp" Target="../ctrlProps/ctrlProp12.xml"/></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8" Type="http://schemas.openxmlformats.org/officeDocument/2006/relationships/ctrlProp" Target="../ctrlProps/ctrlProp193.xml"/><Relationship Id="rId13" Type="http://schemas.openxmlformats.org/officeDocument/2006/relationships/ctrlProp" Target="../ctrlProps/ctrlProp198.xml"/><Relationship Id="rId3" Type="http://schemas.openxmlformats.org/officeDocument/2006/relationships/vmlDrawing" Target="../drawings/vmlDrawing15.vml"/><Relationship Id="rId7" Type="http://schemas.openxmlformats.org/officeDocument/2006/relationships/ctrlProp" Target="../ctrlProps/ctrlProp192.xml"/><Relationship Id="rId12" Type="http://schemas.openxmlformats.org/officeDocument/2006/relationships/ctrlProp" Target="../ctrlProps/ctrlProp197.xml"/><Relationship Id="rId2" Type="http://schemas.openxmlformats.org/officeDocument/2006/relationships/drawing" Target="../drawings/drawing16.xml"/><Relationship Id="rId1" Type="http://schemas.openxmlformats.org/officeDocument/2006/relationships/printerSettings" Target="../printerSettings/printerSettings21.bin"/><Relationship Id="rId6" Type="http://schemas.openxmlformats.org/officeDocument/2006/relationships/ctrlProp" Target="../ctrlProps/ctrlProp191.xml"/><Relationship Id="rId11" Type="http://schemas.openxmlformats.org/officeDocument/2006/relationships/ctrlProp" Target="../ctrlProps/ctrlProp196.xml"/><Relationship Id="rId5" Type="http://schemas.openxmlformats.org/officeDocument/2006/relationships/ctrlProp" Target="../ctrlProps/ctrlProp190.xml"/><Relationship Id="rId10" Type="http://schemas.openxmlformats.org/officeDocument/2006/relationships/ctrlProp" Target="../ctrlProps/ctrlProp195.xml"/><Relationship Id="rId4" Type="http://schemas.openxmlformats.org/officeDocument/2006/relationships/ctrlProp" Target="../ctrlProps/ctrlProp189.xml"/><Relationship Id="rId9" Type="http://schemas.openxmlformats.org/officeDocument/2006/relationships/ctrlProp" Target="../ctrlProps/ctrlProp194.xml"/></Relationships>
</file>

<file path=xl/worksheets/_rels/sheet22.xml.rels><?xml version="1.0" encoding="UTF-8" standalone="yes"?>
<Relationships xmlns="http://schemas.openxmlformats.org/package/2006/relationships"><Relationship Id="rId8" Type="http://schemas.openxmlformats.org/officeDocument/2006/relationships/ctrlProp" Target="../ctrlProps/ctrlProp203.xml"/><Relationship Id="rId13" Type="http://schemas.openxmlformats.org/officeDocument/2006/relationships/ctrlProp" Target="../ctrlProps/ctrlProp208.xml"/><Relationship Id="rId3" Type="http://schemas.openxmlformats.org/officeDocument/2006/relationships/vmlDrawing" Target="../drawings/vmlDrawing16.vml"/><Relationship Id="rId7" Type="http://schemas.openxmlformats.org/officeDocument/2006/relationships/ctrlProp" Target="../ctrlProps/ctrlProp202.xml"/><Relationship Id="rId12" Type="http://schemas.openxmlformats.org/officeDocument/2006/relationships/ctrlProp" Target="../ctrlProps/ctrlProp207.xml"/><Relationship Id="rId17" Type="http://schemas.openxmlformats.org/officeDocument/2006/relationships/ctrlProp" Target="../ctrlProps/ctrlProp212.xml"/><Relationship Id="rId2" Type="http://schemas.openxmlformats.org/officeDocument/2006/relationships/drawing" Target="../drawings/drawing17.xml"/><Relationship Id="rId16" Type="http://schemas.openxmlformats.org/officeDocument/2006/relationships/ctrlProp" Target="../ctrlProps/ctrlProp211.xml"/><Relationship Id="rId1" Type="http://schemas.openxmlformats.org/officeDocument/2006/relationships/printerSettings" Target="../printerSettings/printerSettings22.bin"/><Relationship Id="rId6" Type="http://schemas.openxmlformats.org/officeDocument/2006/relationships/ctrlProp" Target="../ctrlProps/ctrlProp201.xml"/><Relationship Id="rId11" Type="http://schemas.openxmlformats.org/officeDocument/2006/relationships/ctrlProp" Target="../ctrlProps/ctrlProp206.xml"/><Relationship Id="rId5" Type="http://schemas.openxmlformats.org/officeDocument/2006/relationships/ctrlProp" Target="../ctrlProps/ctrlProp200.xml"/><Relationship Id="rId15" Type="http://schemas.openxmlformats.org/officeDocument/2006/relationships/ctrlProp" Target="../ctrlProps/ctrlProp210.xml"/><Relationship Id="rId10" Type="http://schemas.openxmlformats.org/officeDocument/2006/relationships/ctrlProp" Target="../ctrlProps/ctrlProp205.xml"/><Relationship Id="rId4" Type="http://schemas.openxmlformats.org/officeDocument/2006/relationships/ctrlProp" Target="../ctrlProps/ctrlProp199.xml"/><Relationship Id="rId9" Type="http://schemas.openxmlformats.org/officeDocument/2006/relationships/ctrlProp" Target="../ctrlProps/ctrlProp204.xml"/><Relationship Id="rId14" Type="http://schemas.openxmlformats.org/officeDocument/2006/relationships/ctrlProp" Target="../ctrlProps/ctrlProp209.xml"/></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6" Type="http://schemas.openxmlformats.org/officeDocument/2006/relationships/ctrlProp" Target="../ctrlProps/ctrlProp235.xml"/><Relationship Id="rId21" Type="http://schemas.openxmlformats.org/officeDocument/2006/relationships/ctrlProp" Target="../ctrlProps/ctrlProp230.xml"/><Relationship Id="rId42" Type="http://schemas.openxmlformats.org/officeDocument/2006/relationships/ctrlProp" Target="../ctrlProps/ctrlProp251.xml"/><Relationship Id="rId47" Type="http://schemas.openxmlformats.org/officeDocument/2006/relationships/ctrlProp" Target="../ctrlProps/ctrlProp256.xml"/><Relationship Id="rId63" Type="http://schemas.openxmlformats.org/officeDocument/2006/relationships/ctrlProp" Target="../ctrlProps/ctrlProp272.xml"/><Relationship Id="rId68" Type="http://schemas.openxmlformats.org/officeDocument/2006/relationships/ctrlProp" Target="../ctrlProps/ctrlProp277.xml"/><Relationship Id="rId84" Type="http://schemas.openxmlformats.org/officeDocument/2006/relationships/ctrlProp" Target="../ctrlProps/ctrlProp293.xml"/><Relationship Id="rId89" Type="http://schemas.openxmlformats.org/officeDocument/2006/relationships/ctrlProp" Target="../ctrlProps/ctrlProp298.xml"/><Relationship Id="rId16" Type="http://schemas.openxmlformats.org/officeDocument/2006/relationships/ctrlProp" Target="../ctrlProps/ctrlProp225.xml"/><Relationship Id="rId11" Type="http://schemas.openxmlformats.org/officeDocument/2006/relationships/ctrlProp" Target="../ctrlProps/ctrlProp220.xml"/><Relationship Id="rId32" Type="http://schemas.openxmlformats.org/officeDocument/2006/relationships/ctrlProp" Target="../ctrlProps/ctrlProp241.xml"/><Relationship Id="rId37" Type="http://schemas.openxmlformats.org/officeDocument/2006/relationships/ctrlProp" Target="../ctrlProps/ctrlProp246.xml"/><Relationship Id="rId53" Type="http://schemas.openxmlformats.org/officeDocument/2006/relationships/ctrlProp" Target="../ctrlProps/ctrlProp262.xml"/><Relationship Id="rId58" Type="http://schemas.openxmlformats.org/officeDocument/2006/relationships/ctrlProp" Target="../ctrlProps/ctrlProp267.xml"/><Relationship Id="rId74" Type="http://schemas.openxmlformats.org/officeDocument/2006/relationships/ctrlProp" Target="../ctrlProps/ctrlProp283.xml"/><Relationship Id="rId79" Type="http://schemas.openxmlformats.org/officeDocument/2006/relationships/ctrlProp" Target="../ctrlProps/ctrlProp288.xml"/><Relationship Id="rId5" Type="http://schemas.openxmlformats.org/officeDocument/2006/relationships/ctrlProp" Target="../ctrlProps/ctrlProp214.xml"/><Relationship Id="rId90" Type="http://schemas.openxmlformats.org/officeDocument/2006/relationships/ctrlProp" Target="../ctrlProps/ctrlProp299.xml"/><Relationship Id="rId14" Type="http://schemas.openxmlformats.org/officeDocument/2006/relationships/ctrlProp" Target="../ctrlProps/ctrlProp223.xml"/><Relationship Id="rId22" Type="http://schemas.openxmlformats.org/officeDocument/2006/relationships/ctrlProp" Target="../ctrlProps/ctrlProp231.xml"/><Relationship Id="rId27" Type="http://schemas.openxmlformats.org/officeDocument/2006/relationships/ctrlProp" Target="../ctrlProps/ctrlProp236.xml"/><Relationship Id="rId30" Type="http://schemas.openxmlformats.org/officeDocument/2006/relationships/ctrlProp" Target="../ctrlProps/ctrlProp239.xml"/><Relationship Id="rId35" Type="http://schemas.openxmlformats.org/officeDocument/2006/relationships/ctrlProp" Target="../ctrlProps/ctrlProp244.xml"/><Relationship Id="rId43" Type="http://schemas.openxmlformats.org/officeDocument/2006/relationships/ctrlProp" Target="../ctrlProps/ctrlProp252.xml"/><Relationship Id="rId48" Type="http://schemas.openxmlformats.org/officeDocument/2006/relationships/ctrlProp" Target="../ctrlProps/ctrlProp257.xml"/><Relationship Id="rId56" Type="http://schemas.openxmlformats.org/officeDocument/2006/relationships/ctrlProp" Target="../ctrlProps/ctrlProp265.xml"/><Relationship Id="rId64" Type="http://schemas.openxmlformats.org/officeDocument/2006/relationships/ctrlProp" Target="../ctrlProps/ctrlProp273.xml"/><Relationship Id="rId69" Type="http://schemas.openxmlformats.org/officeDocument/2006/relationships/ctrlProp" Target="../ctrlProps/ctrlProp278.xml"/><Relationship Id="rId77" Type="http://schemas.openxmlformats.org/officeDocument/2006/relationships/ctrlProp" Target="../ctrlProps/ctrlProp286.xml"/><Relationship Id="rId8" Type="http://schemas.openxmlformats.org/officeDocument/2006/relationships/ctrlProp" Target="../ctrlProps/ctrlProp217.xml"/><Relationship Id="rId51" Type="http://schemas.openxmlformats.org/officeDocument/2006/relationships/ctrlProp" Target="../ctrlProps/ctrlProp260.xml"/><Relationship Id="rId72" Type="http://schemas.openxmlformats.org/officeDocument/2006/relationships/ctrlProp" Target="../ctrlProps/ctrlProp281.xml"/><Relationship Id="rId80" Type="http://schemas.openxmlformats.org/officeDocument/2006/relationships/ctrlProp" Target="../ctrlProps/ctrlProp289.xml"/><Relationship Id="rId85" Type="http://schemas.openxmlformats.org/officeDocument/2006/relationships/ctrlProp" Target="../ctrlProps/ctrlProp294.xml"/><Relationship Id="rId3" Type="http://schemas.openxmlformats.org/officeDocument/2006/relationships/vmlDrawing" Target="../drawings/vmlDrawing17.vml"/><Relationship Id="rId12" Type="http://schemas.openxmlformats.org/officeDocument/2006/relationships/ctrlProp" Target="../ctrlProps/ctrlProp221.xml"/><Relationship Id="rId17" Type="http://schemas.openxmlformats.org/officeDocument/2006/relationships/ctrlProp" Target="../ctrlProps/ctrlProp226.xml"/><Relationship Id="rId25" Type="http://schemas.openxmlformats.org/officeDocument/2006/relationships/ctrlProp" Target="../ctrlProps/ctrlProp234.xml"/><Relationship Id="rId33" Type="http://schemas.openxmlformats.org/officeDocument/2006/relationships/ctrlProp" Target="../ctrlProps/ctrlProp242.xml"/><Relationship Id="rId38" Type="http://schemas.openxmlformats.org/officeDocument/2006/relationships/ctrlProp" Target="../ctrlProps/ctrlProp247.xml"/><Relationship Id="rId46" Type="http://schemas.openxmlformats.org/officeDocument/2006/relationships/ctrlProp" Target="../ctrlProps/ctrlProp255.xml"/><Relationship Id="rId59" Type="http://schemas.openxmlformats.org/officeDocument/2006/relationships/ctrlProp" Target="../ctrlProps/ctrlProp268.xml"/><Relationship Id="rId67" Type="http://schemas.openxmlformats.org/officeDocument/2006/relationships/ctrlProp" Target="../ctrlProps/ctrlProp276.xml"/><Relationship Id="rId20" Type="http://schemas.openxmlformats.org/officeDocument/2006/relationships/ctrlProp" Target="../ctrlProps/ctrlProp229.xml"/><Relationship Id="rId41" Type="http://schemas.openxmlformats.org/officeDocument/2006/relationships/ctrlProp" Target="../ctrlProps/ctrlProp250.xml"/><Relationship Id="rId54" Type="http://schemas.openxmlformats.org/officeDocument/2006/relationships/ctrlProp" Target="../ctrlProps/ctrlProp263.xml"/><Relationship Id="rId62" Type="http://schemas.openxmlformats.org/officeDocument/2006/relationships/ctrlProp" Target="../ctrlProps/ctrlProp271.xml"/><Relationship Id="rId70" Type="http://schemas.openxmlformats.org/officeDocument/2006/relationships/ctrlProp" Target="../ctrlProps/ctrlProp279.xml"/><Relationship Id="rId75" Type="http://schemas.openxmlformats.org/officeDocument/2006/relationships/ctrlProp" Target="../ctrlProps/ctrlProp284.xml"/><Relationship Id="rId83" Type="http://schemas.openxmlformats.org/officeDocument/2006/relationships/ctrlProp" Target="../ctrlProps/ctrlProp292.xml"/><Relationship Id="rId88" Type="http://schemas.openxmlformats.org/officeDocument/2006/relationships/ctrlProp" Target="../ctrlProps/ctrlProp297.xml"/><Relationship Id="rId1" Type="http://schemas.openxmlformats.org/officeDocument/2006/relationships/printerSettings" Target="../printerSettings/printerSettings26.bin"/><Relationship Id="rId6" Type="http://schemas.openxmlformats.org/officeDocument/2006/relationships/ctrlProp" Target="../ctrlProps/ctrlProp215.xml"/><Relationship Id="rId15" Type="http://schemas.openxmlformats.org/officeDocument/2006/relationships/ctrlProp" Target="../ctrlProps/ctrlProp224.xml"/><Relationship Id="rId23" Type="http://schemas.openxmlformats.org/officeDocument/2006/relationships/ctrlProp" Target="../ctrlProps/ctrlProp232.xml"/><Relationship Id="rId28" Type="http://schemas.openxmlformats.org/officeDocument/2006/relationships/ctrlProp" Target="../ctrlProps/ctrlProp237.xml"/><Relationship Id="rId36" Type="http://schemas.openxmlformats.org/officeDocument/2006/relationships/ctrlProp" Target="../ctrlProps/ctrlProp245.xml"/><Relationship Id="rId49" Type="http://schemas.openxmlformats.org/officeDocument/2006/relationships/ctrlProp" Target="../ctrlProps/ctrlProp258.xml"/><Relationship Id="rId57" Type="http://schemas.openxmlformats.org/officeDocument/2006/relationships/ctrlProp" Target="../ctrlProps/ctrlProp266.xml"/><Relationship Id="rId10" Type="http://schemas.openxmlformats.org/officeDocument/2006/relationships/ctrlProp" Target="../ctrlProps/ctrlProp219.xml"/><Relationship Id="rId31" Type="http://schemas.openxmlformats.org/officeDocument/2006/relationships/ctrlProp" Target="../ctrlProps/ctrlProp240.xml"/><Relationship Id="rId44" Type="http://schemas.openxmlformats.org/officeDocument/2006/relationships/ctrlProp" Target="../ctrlProps/ctrlProp253.xml"/><Relationship Id="rId52" Type="http://schemas.openxmlformats.org/officeDocument/2006/relationships/ctrlProp" Target="../ctrlProps/ctrlProp261.xml"/><Relationship Id="rId60" Type="http://schemas.openxmlformats.org/officeDocument/2006/relationships/ctrlProp" Target="../ctrlProps/ctrlProp269.xml"/><Relationship Id="rId65" Type="http://schemas.openxmlformats.org/officeDocument/2006/relationships/ctrlProp" Target="../ctrlProps/ctrlProp274.xml"/><Relationship Id="rId73" Type="http://schemas.openxmlformats.org/officeDocument/2006/relationships/ctrlProp" Target="../ctrlProps/ctrlProp282.xml"/><Relationship Id="rId78" Type="http://schemas.openxmlformats.org/officeDocument/2006/relationships/ctrlProp" Target="../ctrlProps/ctrlProp287.xml"/><Relationship Id="rId81" Type="http://schemas.openxmlformats.org/officeDocument/2006/relationships/ctrlProp" Target="../ctrlProps/ctrlProp290.xml"/><Relationship Id="rId86" Type="http://schemas.openxmlformats.org/officeDocument/2006/relationships/ctrlProp" Target="../ctrlProps/ctrlProp295.xml"/><Relationship Id="rId4" Type="http://schemas.openxmlformats.org/officeDocument/2006/relationships/ctrlProp" Target="../ctrlProps/ctrlProp213.xml"/><Relationship Id="rId9" Type="http://schemas.openxmlformats.org/officeDocument/2006/relationships/ctrlProp" Target="../ctrlProps/ctrlProp218.xml"/><Relationship Id="rId13" Type="http://schemas.openxmlformats.org/officeDocument/2006/relationships/ctrlProp" Target="../ctrlProps/ctrlProp222.xml"/><Relationship Id="rId18" Type="http://schemas.openxmlformats.org/officeDocument/2006/relationships/ctrlProp" Target="../ctrlProps/ctrlProp227.xml"/><Relationship Id="rId39" Type="http://schemas.openxmlformats.org/officeDocument/2006/relationships/ctrlProp" Target="../ctrlProps/ctrlProp248.xml"/><Relationship Id="rId34" Type="http://schemas.openxmlformats.org/officeDocument/2006/relationships/ctrlProp" Target="../ctrlProps/ctrlProp243.xml"/><Relationship Id="rId50" Type="http://schemas.openxmlformats.org/officeDocument/2006/relationships/ctrlProp" Target="../ctrlProps/ctrlProp259.xml"/><Relationship Id="rId55" Type="http://schemas.openxmlformats.org/officeDocument/2006/relationships/ctrlProp" Target="../ctrlProps/ctrlProp264.xml"/><Relationship Id="rId76" Type="http://schemas.openxmlformats.org/officeDocument/2006/relationships/ctrlProp" Target="../ctrlProps/ctrlProp285.xml"/><Relationship Id="rId7" Type="http://schemas.openxmlformats.org/officeDocument/2006/relationships/ctrlProp" Target="../ctrlProps/ctrlProp216.xml"/><Relationship Id="rId71" Type="http://schemas.openxmlformats.org/officeDocument/2006/relationships/ctrlProp" Target="../ctrlProps/ctrlProp280.xml"/><Relationship Id="rId2" Type="http://schemas.openxmlformats.org/officeDocument/2006/relationships/drawing" Target="../drawings/drawing18.xml"/><Relationship Id="rId29" Type="http://schemas.openxmlformats.org/officeDocument/2006/relationships/ctrlProp" Target="../ctrlProps/ctrlProp238.xml"/><Relationship Id="rId24" Type="http://schemas.openxmlformats.org/officeDocument/2006/relationships/ctrlProp" Target="../ctrlProps/ctrlProp233.xml"/><Relationship Id="rId40" Type="http://schemas.openxmlformats.org/officeDocument/2006/relationships/ctrlProp" Target="../ctrlProps/ctrlProp249.xml"/><Relationship Id="rId45" Type="http://schemas.openxmlformats.org/officeDocument/2006/relationships/ctrlProp" Target="../ctrlProps/ctrlProp254.xml"/><Relationship Id="rId66" Type="http://schemas.openxmlformats.org/officeDocument/2006/relationships/ctrlProp" Target="../ctrlProps/ctrlProp275.xml"/><Relationship Id="rId87" Type="http://schemas.openxmlformats.org/officeDocument/2006/relationships/ctrlProp" Target="../ctrlProps/ctrlProp296.xml"/><Relationship Id="rId61" Type="http://schemas.openxmlformats.org/officeDocument/2006/relationships/ctrlProp" Target="../ctrlProps/ctrlProp270.xml"/><Relationship Id="rId82" Type="http://schemas.openxmlformats.org/officeDocument/2006/relationships/ctrlProp" Target="../ctrlProps/ctrlProp291.xml"/><Relationship Id="rId19" Type="http://schemas.openxmlformats.org/officeDocument/2006/relationships/ctrlProp" Target="../ctrlProps/ctrlProp228.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17.xml"/><Relationship Id="rId13" Type="http://schemas.openxmlformats.org/officeDocument/2006/relationships/ctrlProp" Target="../ctrlProps/ctrlProp22.xml"/><Relationship Id="rId3" Type="http://schemas.openxmlformats.org/officeDocument/2006/relationships/vmlDrawing" Target="../drawings/vmlDrawing3.vml"/><Relationship Id="rId7" Type="http://schemas.openxmlformats.org/officeDocument/2006/relationships/ctrlProp" Target="../ctrlProps/ctrlProp16.xml"/><Relationship Id="rId12" Type="http://schemas.openxmlformats.org/officeDocument/2006/relationships/ctrlProp" Target="../ctrlProps/ctrlProp21.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15.xml"/><Relationship Id="rId11" Type="http://schemas.openxmlformats.org/officeDocument/2006/relationships/ctrlProp" Target="../ctrlProps/ctrlProp20.xml"/><Relationship Id="rId5" Type="http://schemas.openxmlformats.org/officeDocument/2006/relationships/ctrlProp" Target="../ctrlProps/ctrlProp14.xml"/><Relationship Id="rId15" Type="http://schemas.openxmlformats.org/officeDocument/2006/relationships/ctrlProp" Target="../ctrlProps/ctrlProp24.xml"/><Relationship Id="rId10" Type="http://schemas.openxmlformats.org/officeDocument/2006/relationships/ctrlProp" Target="../ctrlProps/ctrlProp19.xml"/><Relationship Id="rId4" Type="http://schemas.openxmlformats.org/officeDocument/2006/relationships/ctrlProp" Target="../ctrlProps/ctrlProp13.xml"/><Relationship Id="rId9" Type="http://schemas.openxmlformats.org/officeDocument/2006/relationships/ctrlProp" Target="../ctrlProps/ctrlProp18.xml"/><Relationship Id="rId14" Type="http://schemas.openxmlformats.org/officeDocument/2006/relationships/ctrlProp" Target="../ctrlProps/ctrlProp23.xml"/></Relationships>
</file>

<file path=xl/worksheets/_rels/sheet4.xml.rels><?xml version="1.0" encoding="UTF-8" standalone="yes"?>
<Relationships xmlns="http://schemas.openxmlformats.org/package/2006/relationships"><Relationship Id="rId13" Type="http://schemas.openxmlformats.org/officeDocument/2006/relationships/ctrlProp" Target="../ctrlProps/ctrlProp34.xml"/><Relationship Id="rId18" Type="http://schemas.openxmlformats.org/officeDocument/2006/relationships/ctrlProp" Target="../ctrlProps/ctrlProp39.xml"/><Relationship Id="rId26" Type="http://schemas.openxmlformats.org/officeDocument/2006/relationships/ctrlProp" Target="../ctrlProps/ctrlProp47.xml"/><Relationship Id="rId3" Type="http://schemas.openxmlformats.org/officeDocument/2006/relationships/vmlDrawing" Target="../drawings/vmlDrawing4.vml"/><Relationship Id="rId21" Type="http://schemas.openxmlformats.org/officeDocument/2006/relationships/ctrlProp" Target="../ctrlProps/ctrlProp42.xml"/><Relationship Id="rId34" Type="http://schemas.openxmlformats.org/officeDocument/2006/relationships/ctrlProp" Target="../ctrlProps/ctrlProp55.xml"/><Relationship Id="rId7" Type="http://schemas.openxmlformats.org/officeDocument/2006/relationships/ctrlProp" Target="../ctrlProps/ctrlProp28.xml"/><Relationship Id="rId12" Type="http://schemas.openxmlformats.org/officeDocument/2006/relationships/ctrlProp" Target="../ctrlProps/ctrlProp33.xml"/><Relationship Id="rId17" Type="http://schemas.openxmlformats.org/officeDocument/2006/relationships/ctrlProp" Target="../ctrlProps/ctrlProp38.xml"/><Relationship Id="rId25" Type="http://schemas.openxmlformats.org/officeDocument/2006/relationships/ctrlProp" Target="../ctrlProps/ctrlProp46.xml"/><Relationship Id="rId33" Type="http://schemas.openxmlformats.org/officeDocument/2006/relationships/ctrlProp" Target="../ctrlProps/ctrlProp54.xml"/><Relationship Id="rId2" Type="http://schemas.openxmlformats.org/officeDocument/2006/relationships/drawing" Target="../drawings/drawing4.xml"/><Relationship Id="rId16" Type="http://schemas.openxmlformats.org/officeDocument/2006/relationships/ctrlProp" Target="../ctrlProps/ctrlProp37.xml"/><Relationship Id="rId20" Type="http://schemas.openxmlformats.org/officeDocument/2006/relationships/ctrlProp" Target="../ctrlProps/ctrlProp41.xml"/><Relationship Id="rId29" Type="http://schemas.openxmlformats.org/officeDocument/2006/relationships/ctrlProp" Target="../ctrlProps/ctrlProp50.xml"/><Relationship Id="rId1" Type="http://schemas.openxmlformats.org/officeDocument/2006/relationships/printerSettings" Target="../printerSettings/printerSettings4.bin"/><Relationship Id="rId6" Type="http://schemas.openxmlformats.org/officeDocument/2006/relationships/ctrlProp" Target="../ctrlProps/ctrlProp27.xml"/><Relationship Id="rId11" Type="http://schemas.openxmlformats.org/officeDocument/2006/relationships/ctrlProp" Target="../ctrlProps/ctrlProp32.xml"/><Relationship Id="rId24" Type="http://schemas.openxmlformats.org/officeDocument/2006/relationships/ctrlProp" Target="../ctrlProps/ctrlProp45.xml"/><Relationship Id="rId32" Type="http://schemas.openxmlformats.org/officeDocument/2006/relationships/ctrlProp" Target="../ctrlProps/ctrlProp53.xml"/><Relationship Id="rId5" Type="http://schemas.openxmlformats.org/officeDocument/2006/relationships/ctrlProp" Target="../ctrlProps/ctrlProp26.xml"/><Relationship Id="rId15" Type="http://schemas.openxmlformats.org/officeDocument/2006/relationships/ctrlProp" Target="../ctrlProps/ctrlProp36.xml"/><Relationship Id="rId23" Type="http://schemas.openxmlformats.org/officeDocument/2006/relationships/ctrlProp" Target="../ctrlProps/ctrlProp44.xml"/><Relationship Id="rId28" Type="http://schemas.openxmlformats.org/officeDocument/2006/relationships/ctrlProp" Target="../ctrlProps/ctrlProp49.xml"/><Relationship Id="rId10" Type="http://schemas.openxmlformats.org/officeDocument/2006/relationships/ctrlProp" Target="../ctrlProps/ctrlProp31.xml"/><Relationship Id="rId19" Type="http://schemas.openxmlformats.org/officeDocument/2006/relationships/ctrlProp" Target="../ctrlProps/ctrlProp40.xml"/><Relationship Id="rId31" Type="http://schemas.openxmlformats.org/officeDocument/2006/relationships/ctrlProp" Target="../ctrlProps/ctrlProp52.xml"/><Relationship Id="rId4" Type="http://schemas.openxmlformats.org/officeDocument/2006/relationships/ctrlProp" Target="../ctrlProps/ctrlProp25.xml"/><Relationship Id="rId9" Type="http://schemas.openxmlformats.org/officeDocument/2006/relationships/ctrlProp" Target="../ctrlProps/ctrlProp30.xml"/><Relationship Id="rId14" Type="http://schemas.openxmlformats.org/officeDocument/2006/relationships/ctrlProp" Target="../ctrlProps/ctrlProp35.xml"/><Relationship Id="rId22" Type="http://schemas.openxmlformats.org/officeDocument/2006/relationships/ctrlProp" Target="../ctrlProps/ctrlProp43.xml"/><Relationship Id="rId27" Type="http://schemas.openxmlformats.org/officeDocument/2006/relationships/ctrlProp" Target="../ctrlProps/ctrlProp48.xml"/><Relationship Id="rId30" Type="http://schemas.openxmlformats.org/officeDocument/2006/relationships/ctrlProp" Target="../ctrlProps/ctrlProp51.xml"/><Relationship Id="rId35" Type="http://schemas.openxmlformats.org/officeDocument/2006/relationships/ctrlProp" Target="../ctrlProps/ctrlProp56.xml"/><Relationship Id="rId8" Type="http://schemas.openxmlformats.org/officeDocument/2006/relationships/ctrlProp" Target="../ctrlProps/ctrlProp29.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61.xml"/><Relationship Id="rId13" Type="http://schemas.openxmlformats.org/officeDocument/2006/relationships/ctrlProp" Target="../ctrlProps/ctrlProp66.xml"/><Relationship Id="rId18" Type="http://schemas.openxmlformats.org/officeDocument/2006/relationships/ctrlProp" Target="../ctrlProps/ctrlProp71.xml"/><Relationship Id="rId26" Type="http://schemas.openxmlformats.org/officeDocument/2006/relationships/ctrlProp" Target="../ctrlProps/ctrlProp79.xml"/><Relationship Id="rId3" Type="http://schemas.openxmlformats.org/officeDocument/2006/relationships/vmlDrawing" Target="../drawings/vmlDrawing5.vml"/><Relationship Id="rId21" Type="http://schemas.openxmlformats.org/officeDocument/2006/relationships/ctrlProp" Target="../ctrlProps/ctrlProp74.xml"/><Relationship Id="rId7" Type="http://schemas.openxmlformats.org/officeDocument/2006/relationships/ctrlProp" Target="../ctrlProps/ctrlProp60.xml"/><Relationship Id="rId12" Type="http://schemas.openxmlformats.org/officeDocument/2006/relationships/ctrlProp" Target="../ctrlProps/ctrlProp65.xml"/><Relationship Id="rId17" Type="http://schemas.openxmlformats.org/officeDocument/2006/relationships/ctrlProp" Target="../ctrlProps/ctrlProp70.xml"/><Relationship Id="rId25" Type="http://schemas.openxmlformats.org/officeDocument/2006/relationships/ctrlProp" Target="../ctrlProps/ctrlProp78.xml"/><Relationship Id="rId2" Type="http://schemas.openxmlformats.org/officeDocument/2006/relationships/drawing" Target="../drawings/drawing5.xml"/><Relationship Id="rId16" Type="http://schemas.openxmlformats.org/officeDocument/2006/relationships/ctrlProp" Target="../ctrlProps/ctrlProp69.xml"/><Relationship Id="rId20" Type="http://schemas.openxmlformats.org/officeDocument/2006/relationships/ctrlProp" Target="../ctrlProps/ctrlProp73.xml"/><Relationship Id="rId29" Type="http://schemas.openxmlformats.org/officeDocument/2006/relationships/ctrlProp" Target="../ctrlProps/ctrlProp82.xml"/><Relationship Id="rId1" Type="http://schemas.openxmlformats.org/officeDocument/2006/relationships/printerSettings" Target="../printerSettings/printerSettings5.bin"/><Relationship Id="rId6" Type="http://schemas.openxmlformats.org/officeDocument/2006/relationships/ctrlProp" Target="../ctrlProps/ctrlProp59.xml"/><Relationship Id="rId11" Type="http://schemas.openxmlformats.org/officeDocument/2006/relationships/ctrlProp" Target="../ctrlProps/ctrlProp64.xml"/><Relationship Id="rId24" Type="http://schemas.openxmlformats.org/officeDocument/2006/relationships/ctrlProp" Target="../ctrlProps/ctrlProp77.xml"/><Relationship Id="rId5" Type="http://schemas.openxmlformats.org/officeDocument/2006/relationships/ctrlProp" Target="../ctrlProps/ctrlProp58.xml"/><Relationship Id="rId15" Type="http://schemas.openxmlformats.org/officeDocument/2006/relationships/ctrlProp" Target="../ctrlProps/ctrlProp68.xml"/><Relationship Id="rId23" Type="http://schemas.openxmlformats.org/officeDocument/2006/relationships/ctrlProp" Target="../ctrlProps/ctrlProp76.xml"/><Relationship Id="rId28" Type="http://schemas.openxmlformats.org/officeDocument/2006/relationships/ctrlProp" Target="../ctrlProps/ctrlProp81.xml"/><Relationship Id="rId10" Type="http://schemas.openxmlformats.org/officeDocument/2006/relationships/ctrlProp" Target="../ctrlProps/ctrlProp63.xml"/><Relationship Id="rId19" Type="http://schemas.openxmlformats.org/officeDocument/2006/relationships/ctrlProp" Target="../ctrlProps/ctrlProp72.xml"/><Relationship Id="rId31" Type="http://schemas.openxmlformats.org/officeDocument/2006/relationships/ctrlProp" Target="../ctrlProps/ctrlProp84.xml"/><Relationship Id="rId4" Type="http://schemas.openxmlformats.org/officeDocument/2006/relationships/ctrlProp" Target="../ctrlProps/ctrlProp57.xml"/><Relationship Id="rId9" Type="http://schemas.openxmlformats.org/officeDocument/2006/relationships/ctrlProp" Target="../ctrlProps/ctrlProp62.xml"/><Relationship Id="rId14" Type="http://schemas.openxmlformats.org/officeDocument/2006/relationships/ctrlProp" Target="../ctrlProps/ctrlProp67.xml"/><Relationship Id="rId22" Type="http://schemas.openxmlformats.org/officeDocument/2006/relationships/ctrlProp" Target="../ctrlProps/ctrlProp75.xml"/><Relationship Id="rId27" Type="http://schemas.openxmlformats.org/officeDocument/2006/relationships/ctrlProp" Target="../ctrlProps/ctrlProp80.xml"/><Relationship Id="rId30" Type="http://schemas.openxmlformats.org/officeDocument/2006/relationships/ctrlProp" Target="../ctrlProps/ctrlProp83.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6.bin"/><Relationship Id="rId5" Type="http://schemas.openxmlformats.org/officeDocument/2006/relationships/ctrlProp" Target="../ctrlProps/ctrlProp86.xml"/><Relationship Id="rId4" Type="http://schemas.openxmlformats.org/officeDocument/2006/relationships/ctrlProp" Target="../ctrlProps/ctrlProp85.xml"/></Relationships>
</file>

<file path=xl/worksheets/_rels/sheet7.xml.rels><?xml version="1.0" encoding="UTF-8" standalone="yes"?>
<Relationships xmlns="http://schemas.openxmlformats.org/package/2006/relationships"><Relationship Id="rId8" Type="http://schemas.openxmlformats.org/officeDocument/2006/relationships/ctrlProp" Target="../ctrlProps/ctrlProp91.xml"/><Relationship Id="rId3" Type="http://schemas.openxmlformats.org/officeDocument/2006/relationships/vmlDrawing" Target="../drawings/vmlDrawing7.vml"/><Relationship Id="rId7" Type="http://schemas.openxmlformats.org/officeDocument/2006/relationships/ctrlProp" Target="../ctrlProps/ctrlProp90.xml"/><Relationship Id="rId2" Type="http://schemas.openxmlformats.org/officeDocument/2006/relationships/drawing" Target="../drawings/drawing7.xml"/><Relationship Id="rId1" Type="http://schemas.openxmlformats.org/officeDocument/2006/relationships/printerSettings" Target="../printerSettings/printerSettings7.bin"/><Relationship Id="rId6" Type="http://schemas.openxmlformats.org/officeDocument/2006/relationships/ctrlProp" Target="../ctrlProps/ctrlProp89.xml"/><Relationship Id="rId5" Type="http://schemas.openxmlformats.org/officeDocument/2006/relationships/ctrlProp" Target="../ctrlProps/ctrlProp88.xml"/><Relationship Id="rId4" Type="http://schemas.openxmlformats.org/officeDocument/2006/relationships/ctrlProp" Target="../ctrlProps/ctrlProp87.xml"/><Relationship Id="rId9" Type="http://schemas.openxmlformats.org/officeDocument/2006/relationships/ctrlProp" Target="../ctrlProps/ctrlProp92.xml"/></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8" Type="http://schemas.openxmlformats.org/officeDocument/2006/relationships/ctrlProp" Target="../ctrlProps/ctrlProp97.xml"/><Relationship Id="rId13" Type="http://schemas.openxmlformats.org/officeDocument/2006/relationships/ctrlProp" Target="../ctrlProps/ctrlProp102.xml"/><Relationship Id="rId18" Type="http://schemas.openxmlformats.org/officeDocument/2006/relationships/ctrlProp" Target="../ctrlProps/ctrlProp107.xml"/><Relationship Id="rId3" Type="http://schemas.openxmlformats.org/officeDocument/2006/relationships/vmlDrawing" Target="../drawings/vmlDrawing8.vml"/><Relationship Id="rId21" Type="http://schemas.openxmlformats.org/officeDocument/2006/relationships/ctrlProp" Target="../ctrlProps/ctrlProp110.xml"/><Relationship Id="rId7" Type="http://schemas.openxmlformats.org/officeDocument/2006/relationships/ctrlProp" Target="../ctrlProps/ctrlProp96.xml"/><Relationship Id="rId12" Type="http://schemas.openxmlformats.org/officeDocument/2006/relationships/ctrlProp" Target="../ctrlProps/ctrlProp101.xml"/><Relationship Id="rId17" Type="http://schemas.openxmlformats.org/officeDocument/2006/relationships/ctrlProp" Target="../ctrlProps/ctrlProp106.xml"/><Relationship Id="rId25" Type="http://schemas.openxmlformats.org/officeDocument/2006/relationships/ctrlProp" Target="../ctrlProps/ctrlProp114.xml"/><Relationship Id="rId2" Type="http://schemas.openxmlformats.org/officeDocument/2006/relationships/drawing" Target="../drawings/drawing8.xml"/><Relationship Id="rId16" Type="http://schemas.openxmlformats.org/officeDocument/2006/relationships/ctrlProp" Target="../ctrlProps/ctrlProp105.xml"/><Relationship Id="rId20" Type="http://schemas.openxmlformats.org/officeDocument/2006/relationships/ctrlProp" Target="../ctrlProps/ctrlProp109.xml"/><Relationship Id="rId1" Type="http://schemas.openxmlformats.org/officeDocument/2006/relationships/printerSettings" Target="../printerSettings/printerSettings9.bin"/><Relationship Id="rId6" Type="http://schemas.openxmlformats.org/officeDocument/2006/relationships/ctrlProp" Target="../ctrlProps/ctrlProp95.xml"/><Relationship Id="rId11" Type="http://schemas.openxmlformats.org/officeDocument/2006/relationships/ctrlProp" Target="../ctrlProps/ctrlProp100.xml"/><Relationship Id="rId24" Type="http://schemas.openxmlformats.org/officeDocument/2006/relationships/ctrlProp" Target="../ctrlProps/ctrlProp113.xml"/><Relationship Id="rId5" Type="http://schemas.openxmlformats.org/officeDocument/2006/relationships/ctrlProp" Target="../ctrlProps/ctrlProp94.xml"/><Relationship Id="rId15" Type="http://schemas.openxmlformats.org/officeDocument/2006/relationships/ctrlProp" Target="../ctrlProps/ctrlProp104.xml"/><Relationship Id="rId23" Type="http://schemas.openxmlformats.org/officeDocument/2006/relationships/ctrlProp" Target="../ctrlProps/ctrlProp112.xml"/><Relationship Id="rId10" Type="http://schemas.openxmlformats.org/officeDocument/2006/relationships/ctrlProp" Target="../ctrlProps/ctrlProp99.xml"/><Relationship Id="rId19" Type="http://schemas.openxmlformats.org/officeDocument/2006/relationships/ctrlProp" Target="../ctrlProps/ctrlProp108.xml"/><Relationship Id="rId4" Type="http://schemas.openxmlformats.org/officeDocument/2006/relationships/ctrlProp" Target="../ctrlProps/ctrlProp93.xml"/><Relationship Id="rId9" Type="http://schemas.openxmlformats.org/officeDocument/2006/relationships/ctrlProp" Target="../ctrlProps/ctrlProp98.xml"/><Relationship Id="rId14" Type="http://schemas.openxmlformats.org/officeDocument/2006/relationships/ctrlProp" Target="../ctrlProps/ctrlProp103.xml"/><Relationship Id="rId22" Type="http://schemas.openxmlformats.org/officeDocument/2006/relationships/ctrlProp" Target="../ctrlProps/ctrlProp1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Q45"/>
  <sheetViews>
    <sheetView tabSelected="1" view="pageBreakPreview" zoomScale="115" zoomScaleNormal="100" zoomScaleSheetLayoutView="115" workbookViewId="0">
      <selection activeCell="S18" sqref="S18"/>
    </sheetView>
  </sheetViews>
  <sheetFormatPr defaultColWidth="9.6640625" defaultRowHeight="15" customHeight="1"/>
  <cols>
    <col min="1" max="2" width="9.6640625" style="850"/>
    <col min="3" max="17" width="4.88671875" style="850" customWidth="1"/>
    <col min="18" max="16384" width="9.6640625" style="850"/>
  </cols>
  <sheetData>
    <row r="1" spans="1:17" ht="15" customHeight="1">
      <c r="A1" s="885" t="s">
        <v>1119</v>
      </c>
      <c r="B1" s="885"/>
      <c r="C1" s="885"/>
      <c r="D1" s="885"/>
      <c r="E1" s="885"/>
      <c r="F1" s="885"/>
      <c r="G1" s="885"/>
      <c r="H1" s="885"/>
      <c r="I1" s="885"/>
      <c r="J1" s="885"/>
      <c r="K1" s="885"/>
      <c r="L1" s="885"/>
      <c r="M1" s="885"/>
      <c r="N1" s="885"/>
      <c r="O1" s="885"/>
      <c r="P1" s="885"/>
      <c r="Q1" s="885"/>
    </row>
    <row r="2" spans="1:17" ht="15" customHeight="1">
      <c r="A2" s="845"/>
      <c r="B2" s="845"/>
      <c r="C2" s="845"/>
      <c r="D2" s="845"/>
      <c r="E2" s="845"/>
      <c r="F2" s="845"/>
      <c r="G2" s="845"/>
      <c r="H2" s="845"/>
      <c r="I2" s="845"/>
      <c r="J2" s="845"/>
      <c r="K2" s="845"/>
      <c r="L2" s="845"/>
      <c r="M2" s="845"/>
      <c r="N2" s="845" t="s">
        <v>47</v>
      </c>
      <c r="O2" s="845"/>
    </row>
    <row r="3" spans="1:17" ht="15" customHeight="1">
      <c r="A3" s="845" t="s">
        <v>48</v>
      </c>
      <c r="B3" s="845"/>
      <c r="C3" s="845"/>
      <c r="D3" s="845"/>
      <c r="E3" s="845"/>
      <c r="F3" s="845"/>
      <c r="G3" s="845"/>
      <c r="H3" s="845"/>
      <c r="I3" s="845"/>
      <c r="J3" s="845"/>
      <c r="K3" s="845"/>
      <c r="L3" s="845"/>
      <c r="M3" s="845"/>
      <c r="N3" s="845"/>
      <c r="Q3" s="845"/>
    </row>
    <row r="4" spans="1:17" ht="15" customHeight="1">
      <c r="K4" s="845"/>
      <c r="L4" s="888" t="s">
        <v>851</v>
      </c>
      <c r="M4" s="888"/>
      <c r="N4" s="888"/>
      <c r="O4" s="888"/>
      <c r="P4" s="888"/>
      <c r="Q4" s="888"/>
    </row>
    <row r="5" spans="1:17" ht="15" customHeight="1" thickBot="1">
      <c r="A5" s="845" t="s">
        <v>49</v>
      </c>
      <c r="B5" s="845"/>
      <c r="C5" s="845"/>
      <c r="D5" s="845"/>
      <c r="E5" s="845"/>
      <c r="F5" s="845"/>
      <c r="G5" s="845"/>
      <c r="H5" s="845"/>
      <c r="I5" s="845"/>
      <c r="J5" s="845"/>
      <c r="K5" s="845"/>
      <c r="L5" s="845"/>
      <c r="M5" s="845"/>
      <c r="N5" s="845"/>
      <c r="O5" s="845"/>
      <c r="P5" s="845"/>
      <c r="Q5" s="845"/>
    </row>
    <row r="6" spans="1:17" ht="18" customHeight="1" thickBot="1">
      <c r="A6" s="845" t="s">
        <v>50</v>
      </c>
      <c r="B6" s="845"/>
      <c r="C6" s="845"/>
      <c r="D6" s="845"/>
      <c r="E6" s="845"/>
      <c r="F6" s="845"/>
      <c r="G6" s="845"/>
      <c r="H6" s="845"/>
      <c r="I6" s="845"/>
      <c r="J6" s="845"/>
      <c r="K6" s="845"/>
      <c r="L6" s="889" t="s">
        <v>852</v>
      </c>
      <c r="M6" s="890"/>
      <c r="N6" s="891"/>
      <c r="O6" s="892"/>
      <c r="P6" s="892"/>
      <c r="Q6" s="893"/>
    </row>
    <row r="7" spans="1:17" ht="15" customHeight="1">
      <c r="A7" s="894" t="s">
        <v>854</v>
      </c>
      <c r="B7" s="895"/>
      <c r="C7" s="902"/>
      <c r="D7" s="903"/>
      <c r="E7" s="903"/>
      <c r="F7" s="903"/>
      <c r="G7" s="903"/>
      <c r="H7" s="903"/>
      <c r="I7" s="903"/>
      <c r="J7" s="903"/>
      <c r="K7" s="903"/>
      <c r="L7" s="903"/>
      <c r="M7" s="903"/>
      <c r="N7" s="903"/>
      <c r="O7" s="903"/>
      <c r="P7" s="903"/>
      <c r="Q7" s="904"/>
    </row>
    <row r="8" spans="1:17" ht="30" customHeight="1">
      <c r="A8" s="896" t="s">
        <v>853</v>
      </c>
      <c r="B8" s="897"/>
      <c r="C8" s="905"/>
      <c r="D8" s="906"/>
      <c r="E8" s="906"/>
      <c r="F8" s="906"/>
      <c r="G8" s="906"/>
      <c r="H8" s="906"/>
      <c r="I8" s="906"/>
      <c r="J8" s="906"/>
      <c r="K8" s="906"/>
      <c r="L8" s="906"/>
      <c r="M8" s="906"/>
      <c r="N8" s="906"/>
      <c r="O8" s="906"/>
      <c r="P8" s="906"/>
      <c r="Q8" s="907"/>
    </row>
    <row r="9" spans="1:17" ht="30" customHeight="1">
      <c r="A9" s="822" t="s">
        <v>51</v>
      </c>
      <c r="B9" s="823"/>
      <c r="C9" s="905"/>
      <c r="D9" s="906"/>
      <c r="E9" s="906"/>
      <c r="F9" s="906"/>
      <c r="G9" s="906"/>
      <c r="H9" s="906"/>
      <c r="I9" s="906"/>
      <c r="J9" s="906"/>
      <c r="K9" s="906"/>
      <c r="L9" s="906"/>
      <c r="M9" s="906"/>
      <c r="N9" s="906"/>
      <c r="O9" s="906"/>
      <c r="P9" s="906"/>
      <c r="Q9" s="907"/>
    </row>
    <row r="10" spans="1:17" ht="13.2" customHeight="1">
      <c r="A10" s="898" t="s">
        <v>52</v>
      </c>
      <c r="B10" s="899"/>
      <c r="C10" s="842" t="s">
        <v>855</v>
      </c>
      <c r="D10" s="887"/>
      <c r="E10" s="887"/>
      <c r="F10" s="887"/>
      <c r="G10" s="887"/>
      <c r="H10" s="887"/>
      <c r="I10" s="887"/>
      <c r="J10" s="887"/>
      <c r="K10" s="887"/>
      <c r="L10" s="887"/>
      <c r="M10" s="887"/>
      <c r="N10" s="887"/>
      <c r="O10" s="887"/>
      <c r="P10" s="887"/>
      <c r="Q10" s="908"/>
    </row>
    <row r="11" spans="1:17" ht="22.2" customHeight="1">
      <c r="A11" s="900"/>
      <c r="B11" s="901"/>
      <c r="C11" s="905"/>
      <c r="D11" s="906"/>
      <c r="E11" s="906"/>
      <c r="F11" s="906"/>
      <c r="G11" s="906"/>
      <c r="H11" s="906"/>
      <c r="I11" s="906"/>
      <c r="J11" s="906"/>
      <c r="K11" s="906"/>
      <c r="L11" s="906"/>
      <c r="M11" s="906"/>
      <c r="N11" s="906"/>
      <c r="O11" s="906"/>
      <c r="P11" s="906"/>
      <c r="Q11" s="907"/>
    </row>
    <row r="12" spans="1:17" ht="15" customHeight="1">
      <c r="A12" s="822" t="s">
        <v>53</v>
      </c>
      <c r="B12" s="823"/>
      <c r="C12" s="880" t="s">
        <v>856</v>
      </c>
      <c r="D12" s="909"/>
      <c r="E12" s="909"/>
      <c r="F12" s="909"/>
      <c r="G12" s="909"/>
      <c r="H12" s="909"/>
      <c r="I12" s="909"/>
      <c r="J12" s="909"/>
      <c r="K12" s="52" t="s">
        <v>54</v>
      </c>
      <c r="L12" s="909"/>
      <c r="M12" s="909"/>
      <c r="N12" s="909"/>
      <c r="O12" s="909"/>
      <c r="P12" s="909"/>
      <c r="Q12" s="910"/>
    </row>
    <row r="13" spans="1:17" ht="15" customHeight="1">
      <c r="A13" s="886" t="s">
        <v>55</v>
      </c>
      <c r="B13" s="887"/>
      <c r="C13" s="849"/>
      <c r="D13" s="832"/>
      <c r="E13" s="832"/>
      <c r="F13" s="832"/>
      <c r="G13" s="832"/>
      <c r="H13" s="832"/>
      <c r="I13" s="832"/>
      <c r="J13" s="832"/>
      <c r="K13" s="844"/>
      <c r="L13" s="827"/>
      <c r="M13" s="827"/>
      <c r="N13" s="844"/>
      <c r="O13" s="827"/>
      <c r="P13" s="827"/>
      <c r="Q13" s="828"/>
    </row>
    <row r="14" spans="1:17" ht="15" customHeight="1">
      <c r="A14" s="822" t="s">
        <v>56</v>
      </c>
      <c r="B14" s="823"/>
      <c r="C14" s="880"/>
      <c r="D14" s="911" t="s">
        <v>857</v>
      </c>
      <c r="E14" s="911"/>
      <c r="F14" s="911"/>
      <c r="G14" s="911"/>
      <c r="H14" s="911"/>
      <c r="I14" s="911"/>
      <c r="J14" s="823"/>
      <c r="K14" s="823"/>
      <c r="L14" s="823"/>
      <c r="M14" s="823"/>
      <c r="N14" s="823"/>
      <c r="O14" s="823"/>
      <c r="P14" s="823"/>
      <c r="Q14" s="824"/>
    </row>
    <row r="15" spans="1:17" ht="15" customHeight="1">
      <c r="A15" s="831" t="s">
        <v>57</v>
      </c>
      <c r="B15" s="840"/>
      <c r="C15" s="881"/>
      <c r="D15" s="912" t="s">
        <v>857</v>
      </c>
      <c r="E15" s="912"/>
      <c r="F15" s="912"/>
      <c r="G15" s="912"/>
      <c r="H15" s="912"/>
      <c r="I15" s="912"/>
      <c r="J15" s="840"/>
      <c r="K15" s="840"/>
      <c r="L15" s="840"/>
      <c r="M15" s="840"/>
      <c r="N15" s="840"/>
      <c r="O15" s="840"/>
      <c r="P15" s="840"/>
      <c r="Q15" s="882"/>
    </row>
    <row r="16" spans="1:17" ht="15" customHeight="1">
      <c r="A16" s="898" t="s">
        <v>58</v>
      </c>
      <c r="B16" s="899"/>
      <c r="C16" s="843"/>
      <c r="D16" s="835" t="s">
        <v>59</v>
      </c>
      <c r="E16" s="835"/>
      <c r="F16" s="835"/>
      <c r="G16" s="835"/>
      <c r="H16" s="835" t="s">
        <v>60</v>
      </c>
      <c r="I16" s="835"/>
      <c r="J16" s="835"/>
      <c r="K16" s="835"/>
      <c r="L16" s="835"/>
      <c r="M16" s="835"/>
      <c r="N16" s="835"/>
      <c r="O16" s="835"/>
      <c r="P16" s="835"/>
      <c r="Q16" s="836"/>
    </row>
    <row r="17" spans="1:17" ht="15" customHeight="1">
      <c r="A17" s="900"/>
      <c r="B17" s="901"/>
      <c r="C17" s="881"/>
      <c r="D17" s="840" t="s">
        <v>61</v>
      </c>
      <c r="E17" s="840"/>
      <c r="F17" s="840"/>
      <c r="G17" s="840"/>
      <c r="H17" s="840" t="s">
        <v>60</v>
      </c>
      <c r="I17" s="840"/>
      <c r="J17" s="840"/>
      <c r="K17" s="840"/>
      <c r="L17" s="840"/>
      <c r="M17" s="840"/>
      <c r="N17" s="840"/>
      <c r="O17" s="840"/>
      <c r="P17" s="840"/>
      <c r="Q17" s="882"/>
    </row>
    <row r="18" spans="1:17" ht="24" customHeight="1">
      <c r="A18" s="898" t="s">
        <v>858</v>
      </c>
      <c r="B18" s="899"/>
      <c r="C18" s="596" t="s">
        <v>859</v>
      </c>
      <c r="D18" s="915"/>
      <c r="E18" s="915"/>
      <c r="F18" s="915"/>
      <c r="G18" s="915"/>
      <c r="H18" s="915"/>
      <c r="I18" s="915"/>
      <c r="J18" s="915"/>
      <c r="K18" s="916" t="s">
        <v>860</v>
      </c>
      <c r="L18" s="917"/>
      <c r="M18" s="917"/>
      <c r="N18" s="917"/>
      <c r="O18" s="918"/>
      <c r="P18" s="918"/>
      <c r="Q18" s="824"/>
    </row>
    <row r="19" spans="1:17" ht="24" customHeight="1" thickBot="1">
      <c r="A19" s="913"/>
      <c r="B19" s="914"/>
      <c r="C19" s="597" t="s">
        <v>861</v>
      </c>
      <c r="D19" s="598"/>
      <c r="E19" s="598"/>
      <c r="F19" s="598"/>
      <c r="G19" s="598"/>
      <c r="H19" s="598"/>
      <c r="I19" s="598"/>
      <c r="J19" s="598"/>
      <c r="K19" s="919" t="s">
        <v>862</v>
      </c>
      <c r="L19" s="919"/>
      <c r="M19" s="919"/>
      <c r="N19" s="919"/>
      <c r="O19" s="920"/>
      <c r="P19" s="920"/>
      <c r="Q19" s="599"/>
    </row>
    <row r="20" spans="1:17" ht="7.2" customHeight="1" thickBot="1">
      <c r="A20" s="845"/>
      <c r="B20" s="845"/>
      <c r="C20" s="845"/>
      <c r="D20" s="845"/>
      <c r="E20" s="845"/>
      <c r="F20" s="845"/>
      <c r="G20" s="845"/>
      <c r="H20" s="845"/>
      <c r="I20" s="845"/>
      <c r="J20" s="845"/>
      <c r="K20" s="845"/>
      <c r="L20" s="845"/>
      <c r="M20" s="845"/>
      <c r="N20" s="845"/>
      <c r="O20" s="845"/>
      <c r="P20" s="845"/>
      <c r="Q20" s="845"/>
    </row>
    <row r="21" spans="1:17" ht="20.25" customHeight="1">
      <c r="A21" s="848" t="s">
        <v>62</v>
      </c>
      <c r="B21" s="830"/>
      <c r="C21" s="921" t="s">
        <v>63</v>
      </c>
      <c r="D21" s="922"/>
      <c r="E21" s="922"/>
      <c r="F21" s="922"/>
      <c r="G21" s="903"/>
      <c r="H21" s="903"/>
      <c r="I21" s="829" t="s">
        <v>64</v>
      </c>
      <c r="J21" s="851"/>
      <c r="K21" s="923" t="s">
        <v>863</v>
      </c>
      <c r="L21" s="924"/>
      <c r="M21" s="924"/>
      <c r="N21" s="924"/>
      <c r="O21" s="924"/>
      <c r="P21" s="924"/>
      <c r="Q21" s="925"/>
    </row>
    <row r="22" spans="1:17" ht="28.8" customHeight="1">
      <c r="A22" s="926" t="s">
        <v>864</v>
      </c>
      <c r="B22" s="927"/>
      <c r="C22" s="905"/>
      <c r="D22" s="906"/>
      <c r="E22" s="906"/>
      <c r="F22" s="906"/>
      <c r="G22" s="906"/>
      <c r="H22" s="906"/>
      <c r="I22" s="906"/>
      <c r="J22" s="906"/>
      <c r="K22" s="906"/>
      <c r="L22" s="906"/>
      <c r="M22" s="906"/>
      <c r="N22" s="906"/>
      <c r="O22" s="906"/>
      <c r="P22" s="906"/>
      <c r="Q22" s="907"/>
    </row>
    <row r="23" spans="1:17" ht="28.8" customHeight="1">
      <c r="A23" s="926" t="s">
        <v>865</v>
      </c>
      <c r="B23" s="927"/>
      <c r="C23" s="905"/>
      <c r="D23" s="906"/>
      <c r="E23" s="906"/>
      <c r="F23" s="906"/>
      <c r="G23" s="906"/>
      <c r="H23" s="906"/>
      <c r="I23" s="906"/>
      <c r="J23" s="906"/>
      <c r="K23" s="906"/>
      <c r="L23" s="906"/>
      <c r="M23" s="906"/>
      <c r="N23" s="906"/>
      <c r="O23" s="906"/>
      <c r="P23" s="906"/>
      <c r="Q23" s="907"/>
    </row>
    <row r="24" spans="1:17" ht="28.8" customHeight="1">
      <c r="A24" s="928" t="s">
        <v>866</v>
      </c>
      <c r="B24" s="897"/>
      <c r="C24" s="905"/>
      <c r="D24" s="906"/>
      <c r="E24" s="906"/>
      <c r="F24" s="906"/>
      <c r="G24" s="906"/>
      <c r="H24" s="906"/>
      <c r="I24" s="906"/>
      <c r="J24" s="906"/>
      <c r="K24" s="906"/>
      <c r="L24" s="906"/>
      <c r="M24" s="906"/>
      <c r="N24" s="906"/>
      <c r="O24" s="906"/>
      <c r="P24" s="906"/>
      <c r="Q24" s="907"/>
    </row>
    <row r="25" spans="1:17" ht="15" customHeight="1">
      <c r="A25" s="898" t="s">
        <v>65</v>
      </c>
      <c r="B25" s="909"/>
      <c r="C25" s="909"/>
      <c r="D25" s="909"/>
      <c r="E25" s="909"/>
      <c r="F25" s="909"/>
      <c r="G25" s="909"/>
      <c r="H25" s="909"/>
      <c r="I25" s="909"/>
      <c r="J25" s="909"/>
      <c r="K25" s="909"/>
      <c r="L25" s="909"/>
      <c r="M25" s="909"/>
      <c r="N25" s="909"/>
      <c r="O25" s="909"/>
      <c r="P25" s="909"/>
      <c r="Q25" s="910"/>
    </row>
    <row r="26" spans="1:17" ht="18" customHeight="1">
      <c r="A26" s="938"/>
      <c r="B26" s="939"/>
      <c r="C26" s="939"/>
      <c r="D26" s="939"/>
      <c r="E26" s="939"/>
      <c r="F26" s="939"/>
      <c r="G26" s="939"/>
      <c r="H26" s="939"/>
      <c r="I26" s="939"/>
      <c r="J26" s="939"/>
      <c r="K26" s="939"/>
      <c r="L26" s="939"/>
      <c r="M26" s="939"/>
      <c r="N26" s="939"/>
      <c r="O26" s="939"/>
      <c r="P26" s="939"/>
      <c r="Q26" s="940"/>
    </row>
    <row r="27" spans="1:17" ht="15" customHeight="1">
      <c r="A27" s="941" t="s">
        <v>66</v>
      </c>
      <c r="B27" s="942"/>
      <c r="C27" s="62"/>
      <c r="D27" s="62" t="s">
        <v>867</v>
      </c>
      <c r="E27" s="62"/>
      <c r="F27" s="62"/>
      <c r="G27" s="62"/>
      <c r="H27" s="62"/>
      <c r="I27" s="62"/>
      <c r="J27" s="600" t="s">
        <v>868</v>
      </c>
      <c r="K27" s="62"/>
      <c r="L27" s="62"/>
      <c r="M27" s="62"/>
      <c r="N27" s="62"/>
      <c r="O27" s="62"/>
      <c r="P27" s="825" t="s">
        <v>516</v>
      </c>
      <c r="Q27" s="63"/>
    </row>
    <row r="28" spans="1:17" ht="15" customHeight="1">
      <c r="A28" s="898" t="s">
        <v>67</v>
      </c>
      <c r="B28" s="909"/>
      <c r="C28" s="909"/>
      <c r="D28" s="909"/>
      <c r="E28" s="909"/>
      <c r="F28" s="909"/>
      <c r="G28" s="909"/>
      <c r="H28" s="909"/>
      <c r="I28" s="909"/>
      <c r="J28" s="909"/>
      <c r="K28" s="909"/>
      <c r="L28" s="909"/>
      <c r="M28" s="909"/>
      <c r="N28" s="909"/>
      <c r="O28" s="909"/>
      <c r="P28" s="909"/>
      <c r="Q28" s="910"/>
    </row>
    <row r="29" spans="1:17" ht="18" customHeight="1" thickBot="1">
      <c r="A29" s="943"/>
      <c r="B29" s="944"/>
      <c r="C29" s="944"/>
      <c r="D29" s="944"/>
      <c r="E29" s="944"/>
      <c r="F29" s="944"/>
      <c r="G29" s="944"/>
      <c r="H29" s="944"/>
      <c r="I29" s="944"/>
      <c r="J29" s="944"/>
      <c r="K29" s="944"/>
      <c r="L29" s="944"/>
      <c r="M29" s="944"/>
      <c r="N29" s="944"/>
      <c r="O29" s="944"/>
      <c r="P29" s="944"/>
      <c r="Q29" s="945"/>
    </row>
    <row r="30" spans="1:17" ht="12.6" customHeight="1" thickBot="1">
      <c r="A30" s="845"/>
      <c r="B30" s="845"/>
      <c r="C30" s="845"/>
      <c r="D30" s="845"/>
      <c r="E30" s="845"/>
      <c r="F30" s="845"/>
      <c r="G30" s="845"/>
      <c r="H30" s="845"/>
      <c r="I30" s="845"/>
      <c r="J30" s="845"/>
      <c r="K30" s="845"/>
      <c r="L30" s="845"/>
      <c r="M30" s="845"/>
      <c r="N30" s="845"/>
      <c r="O30" s="845"/>
      <c r="P30" s="845"/>
      <c r="Q30" s="845"/>
    </row>
    <row r="31" spans="1:17" ht="20.25" customHeight="1">
      <c r="A31" s="946" t="s">
        <v>1120</v>
      </c>
      <c r="B31" s="947"/>
      <c r="C31" s="947"/>
      <c r="D31" s="947"/>
      <c r="E31" s="947"/>
      <c r="F31" s="947"/>
      <c r="G31" s="947"/>
      <c r="H31" s="947"/>
      <c r="I31" s="947"/>
      <c r="J31" s="947"/>
      <c r="K31" s="947"/>
      <c r="L31" s="947"/>
      <c r="M31" s="947"/>
      <c r="N31" s="947"/>
      <c r="O31" s="947"/>
      <c r="P31" s="947"/>
      <c r="Q31" s="948"/>
    </row>
    <row r="32" spans="1:17" ht="12" customHeight="1">
      <c r="A32" s="929" t="s">
        <v>68</v>
      </c>
      <c r="B32" s="930"/>
      <c r="C32" s="930"/>
      <c r="D32" s="930"/>
      <c r="E32" s="930"/>
      <c r="F32" s="930"/>
      <c r="G32" s="930"/>
      <c r="H32" s="930"/>
      <c r="I32" s="930"/>
      <c r="J32" s="930"/>
      <c r="K32" s="930"/>
      <c r="L32" s="930"/>
      <c r="M32" s="930"/>
      <c r="N32" s="930"/>
      <c r="O32" s="930"/>
      <c r="P32" s="930"/>
      <c r="Q32" s="931"/>
    </row>
    <row r="33" spans="1:17" ht="12" customHeight="1">
      <c r="A33" s="932"/>
      <c r="B33" s="933"/>
      <c r="C33" s="933"/>
      <c r="D33" s="933"/>
      <c r="E33" s="933"/>
      <c r="F33" s="933"/>
      <c r="G33" s="933"/>
      <c r="H33" s="933"/>
      <c r="I33" s="933"/>
      <c r="J33" s="933"/>
      <c r="K33" s="933"/>
      <c r="L33" s="933"/>
      <c r="M33" s="933"/>
      <c r="N33" s="933"/>
      <c r="O33" s="933"/>
      <c r="P33" s="933"/>
      <c r="Q33" s="934"/>
    </row>
    <row r="34" spans="1:17" ht="12" customHeight="1">
      <c r="A34" s="932"/>
      <c r="B34" s="933"/>
      <c r="C34" s="933"/>
      <c r="D34" s="933"/>
      <c r="E34" s="933"/>
      <c r="F34" s="933"/>
      <c r="G34" s="933"/>
      <c r="H34" s="933"/>
      <c r="I34" s="933"/>
      <c r="J34" s="933"/>
      <c r="K34" s="933"/>
      <c r="L34" s="933"/>
      <c r="M34" s="933"/>
      <c r="N34" s="933"/>
      <c r="O34" s="933"/>
      <c r="P34" s="933"/>
      <c r="Q34" s="934"/>
    </row>
    <row r="35" spans="1:17" ht="12" customHeight="1">
      <c r="A35" s="932"/>
      <c r="B35" s="933"/>
      <c r="C35" s="933"/>
      <c r="D35" s="933"/>
      <c r="E35" s="933"/>
      <c r="F35" s="933"/>
      <c r="G35" s="933"/>
      <c r="H35" s="933"/>
      <c r="I35" s="933"/>
      <c r="J35" s="933"/>
      <c r="K35" s="933"/>
      <c r="L35" s="933"/>
      <c r="M35" s="933"/>
      <c r="N35" s="933"/>
      <c r="O35" s="933"/>
      <c r="P35" s="933"/>
      <c r="Q35" s="934"/>
    </row>
    <row r="36" spans="1:17" ht="12" customHeight="1">
      <c r="A36" s="932"/>
      <c r="B36" s="933"/>
      <c r="C36" s="933"/>
      <c r="D36" s="933"/>
      <c r="E36" s="933"/>
      <c r="F36" s="933"/>
      <c r="G36" s="933"/>
      <c r="H36" s="933"/>
      <c r="I36" s="933"/>
      <c r="J36" s="933"/>
      <c r="K36" s="933"/>
      <c r="L36" s="933"/>
      <c r="M36" s="933"/>
      <c r="N36" s="933"/>
      <c r="O36" s="933"/>
      <c r="P36" s="933"/>
      <c r="Q36" s="934"/>
    </row>
    <row r="37" spans="1:17" ht="12" customHeight="1">
      <c r="A37" s="932"/>
      <c r="B37" s="933"/>
      <c r="C37" s="933"/>
      <c r="D37" s="933"/>
      <c r="E37" s="933"/>
      <c r="F37" s="933"/>
      <c r="G37" s="933"/>
      <c r="H37" s="933"/>
      <c r="I37" s="933"/>
      <c r="J37" s="933"/>
      <c r="K37" s="933"/>
      <c r="L37" s="933"/>
      <c r="M37" s="933"/>
      <c r="N37" s="933"/>
      <c r="O37" s="933"/>
      <c r="P37" s="933"/>
      <c r="Q37" s="934"/>
    </row>
    <row r="38" spans="1:17" ht="12" customHeight="1">
      <c r="A38" s="932"/>
      <c r="B38" s="933"/>
      <c r="C38" s="933"/>
      <c r="D38" s="933"/>
      <c r="E38" s="933"/>
      <c r="F38" s="933"/>
      <c r="G38" s="933"/>
      <c r="H38" s="933"/>
      <c r="I38" s="933"/>
      <c r="J38" s="933"/>
      <c r="K38" s="933"/>
      <c r="L38" s="933"/>
      <c r="M38" s="933"/>
      <c r="N38" s="933"/>
      <c r="O38" s="933"/>
      <c r="P38" s="933"/>
      <c r="Q38" s="934"/>
    </row>
    <row r="39" spans="1:17" ht="12" customHeight="1">
      <c r="A39" s="932"/>
      <c r="B39" s="933"/>
      <c r="C39" s="933"/>
      <c r="D39" s="933"/>
      <c r="E39" s="933"/>
      <c r="F39" s="933"/>
      <c r="G39" s="933"/>
      <c r="H39" s="933"/>
      <c r="I39" s="933"/>
      <c r="J39" s="933"/>
      <c r="K39" s="933"/>
      <c r="L39" s="933"/>
      <c r="M39" s="933"/>
      <c r="N39" s="933"/>
      <c r="O39" s="933"/>
      <c r="P39" s="933"/>
      <c r="Q39" s="934"/>
    </row>
    <row r="40" spans="1:17" ht="12" customHeight="1">
      <c r="A40" s="932"/>
      <c r="B40" s="933"/>
      <c r="C40" s="933"/>
      <c r="D40" s="933"/>
      <c r="E40" s="933"/>
      <c r="F40" s="933"/>
      <c r="G40" s="933"/>
      <c r="H40" s="933"/>
      <c r="I40" s="933"/>
      <c r="J40" s="933"/>
      <c r="K40" s="933"/>
      <c r="L40" s="933"/>
      <c r="M40" s="933"/>
      <c r="N40" s="933"/>
      <c r="O40" s="933"/>
      <c r="P40" s="933"/>
      <c r="Q40" s="934"/>
    </row>
    <row r="41" spans="1:17" ht="12" customHeight="1">
      <c r="A41" s="932"/>
      <c r="B41" s="933"/>
      <c r="C41" s="933"/>
      <c r="D41" s="933"/>
      <c r="E41" s="933"/>
      <c r="F41" s="933"/>
      <c r="G41" s="933"/>
      <c r="H41" s="933"/>
      <c r="I41" s="933"/>
      <c r="J41" s="933"/>
      <c r="K41" s="933"/>
      <c r="L41" s="933"/>
      <c r="M41" s="933"/>
      <c r="N41" s="933"/>
      <c r="O41" s="933"/>
      <c r="P41" s="933"/>
      <c r="Q41" s="934"/>
    </row>
    <row r="42" spans="1:17" ht="12" customHeight="1">
      <c r="A42" s="932"/>
      <c r="B42" s="933"/>
      <c r="C42" s="933"/>
      <c r="D42" s="933"/>
      <c r="E42" s="933"/>
      <c r="F42" s="933"/>
      <c r="G42" s="933"/>
      <c r="H42" s="933"/>
      <c r="I42" s="933"/>
      <c r="J42" s="933"/>
      <c r="K42" s="933"/>
      <c r="L42" s="933"/>
      <c r="M42" s="933"/>
      <c r="N42" s="933"/>
      <c r="O42" s="933"/>
      <c r="P42" s="933"/>
      <c r="Q42" s="934"/>
    </row>
    <row r="43" spans="1:17" ht="19.2" customHeight="1" thickBot="1">
      <c r="A43" s="935"/>
      <c r="B43" s="936"/>
      <c r="C43" s="936"/>
      <c r="D43" s="936"/>
      <c r="E43" s="936"/>
      <c r="F43" s="936"/>
      <c r="G43" s="936"/>
      <c r="H43" s="936"/>
      <c r="I43" s="936"/>
      <c r="J43" s="936"/>
      <c r="K43" s="936"/>
      <c r="L43" s="936"/>
      <c r="M43" s="936"/>
      <c r="N43" s="936"/>
      <c r="O43" s="936"/>
      <c r="P43" s="936"/>
      <c r="Q43" s="937"/>
    </row>
    <row r="44" spans="1:17" ht="6.6" customHeight="1"/>
    <row r="45" spans="1:17" ht="15" customHeight="1">
      <c r="A45" s="519" t="s">
        <v>842</v>
      </c>
      <c r="B45" s="601"/>
      <c r="C45" s="850" t="s">
        <v>843</v>
      </c>
    </row>
  </sheetData>
  <mergeCells count="40">
    <mergeCell ref="A32:Q43"/>
    <mergeCell ref="A25:Q25"/>
    <mergeCell ref="A26:Q26"/>
    <mergeCell ref="A27:B27"/>
    <mergeCell ref="A28:Q28"/>
    <mergeCell ref="A29:Q29"/>
    <mergeCell ref="A31:Q31"/>
    <mergeCell ref="A22:B22"/>
    <mergeCell ref="A23:B23"/>
    <mergeCell ref="A24:B24"/>
    <mergeCell ref="C22:Q22"/>
    <mergeCell ref="C23:Q23"/>
    <mergeCell ref="C24:Q24"/>
    <mergeCell ref="K18:N18"/>
    <mergeCell ref="O18:P18"/>
    <mergeCell ref="K19:N19"/>
    <mergeCell ref="O19:P19"/>
    <mergeCell ref="C21:F21"/>
    <mergeCell ref="G21:H21"/>
    <mergeCell ref="K21:Q21"/>
    <mergeCell ref="D14:I14"/>
    <mergeCell ref="D15:I15"/>
    <mergeCell ref="A16:B17"/>
    <mergeCell ref="A18:B19"/>
    <mergeCell ref="D18:J18"/>
    <mergeCell ref="A1:Q1"/>
    <mergeCell ref="A13:B13"/>
    <mergeCell ref="L4:Q4"/>
    <mergeCell ref="L6:M6"/>
    <mergeCell ref="N6:Q6"/>
    <mergeCell ref="A7:B7"/>
    <mergeCell ref="A8:B8"/>
    <mergeCell ref="A10:B11"/>
    <mergeCell ref="C7:Q7"/>
    <mergeCell ref="C8:Q8"/>
    <mergeCell ref="C9:Q9"/>
    <mergeCell ref="D10:Q10"/>
    <mergeCell ref="C11:Q11"/>
    <mergeCell ref="D12:J12"/>
    <mergeCell ref="L12:Q12"/>
  </mergeCells>
  <phoneticPr fontId="3"/>
  <dataValidations count="3">
    <dataValidation type="list" allowBlank="1" showInputMessage="1" promptTitle="届出の有無" prompt="リストから選択できます" sqref="O19:P19" xr:uid="{00000000-0002-0000-0000-000000000000}">
      <formula1>"有,無,"</formula1>
    </dataValidation>
    <dataValidation type="list" allowBlank="1" showInputMessage="1" promptTitle="専任、兼任" prompt="リストから選択できます" sqref="O18:P18" xr:uid="{00000000-0002-0000-0000-000001000000}">
      <formula1>"専任,兼任"</formula1>
    </dataValidation>
    <dataValidation type="list" allowBlank="1" showInputMessage="1" sqref="N6:Q6" xr:uid="{00000000-0002-0000-0000-000002000000}">
      <formula1>"児童養護施設,乳児院"</formula1>
    </dataValidation>
  </dataValidations>
  <printOptions horizontalCentered="1" verticalCentered="1"/>
  <pageMargins left="0.78740157480314965" right="0.78740157480314965" top="0.98425196850393704" bottom="0.98425196850393704" header="0.51181102362204722" footer="0.51181102362204722"/>
  <pageSetup paperSize="9" scale="93"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8434" r:id="rId4" name="Check Box 2">
              <controlPr defaultSize="0" autoFill="0" autoLine="0" autoPict="0">
                <anchor moveWithCells="1">
                  <from>
                    <xdr:col>12</xdr:col>
                    <xdr:colOff>312420</xdr:colOff>
                    <xdr:row>20</xdr:row>
                    <xdr:rowOff>7620</xdr:rowOff>
                  </from>
                  <to>
                    <xdr:col>14</xdr:col>
                    <xdr:colOff>228600</xdr:colOff>
                    <xdr:row>21</xdr:row>
                    <xdr:rowOff>0</xdr:rowOff>
                  </to>
                </anchor>
              </controlPr>
            </control>
          </mc:Choice>
        </mc:AlternateContent>
        <mc:AlternateContent xmlns:mc="http://schemas.openxmlformats.org/markup-compatibility/2006">
          <mc:Choice Requires="x14">
            <control shapeId="18435" r:id="rId5" name="Check Box 3">
              <controlPr defaultSize="0" autoFill="0" autoLine="0" autoPict="0">
                <anchor moveWithCells="1">
                  <from>
                    <xdr:col>14</xdr:col>
                    <xdr:colOff>220980</xdr:colOff>
                    <xdr:row>20</xdr:row>
                    <xdr:rowOff>22860</xdr:rowOff>
                  </from>
                  <to>
                    <xdr:col>16</xdr:col>
                    <xdr:colOff>137160</xdr:colOff>
                    <xdr:row>21</xdr:row>
                    <xdr:rowOff>0</xdr:rowOff>
                  </to>
                </anchor>
              </controlPr>
            </control>
          </mc:Choice>
        </mc:AlternateContent>
        <mc:AlternateContent xmlns:mc="http://schemas.openxmlformats.org/markup-compatibility/2006">
          <mc:Choice Requires="x14">
            <control shapeId="18436" r:id="rId6" name="Check Box 4">
              <controlPr defaultSize="0" autoFill="0" autoLine="0" autoPict="0">
                <anchor moveWithCells="1">
                  <from>
                    <xdr:col>2</xdr:col>
                    <xdr:colOff>22860</xdr:colOff>
                    <xdr:row>25</xdr:row>
                    <xdr:rowOff>213360</xdr:rowOff>
                  </from>
                  <to>
                    <xdr:col>3</xdr:col>
                    <xdr:colOff>60960</xdr:colOff>
                    <xdr:row>27</xdr:row>
                    <xdr:rowOff>7620</xdr:rowOff>
                  </to>
                </anchor>
              </controlPr>
            </control>
          </mc:Choice>
        </mc:AlternateContent>
        <mc:AlternateContent xmlns:mc="http://schemas.openxmlformats.org/markup-compatibility/2006">
          <mc:Choice Requires="x14">
            <control shapeId="18437" r:id="rId7" name="Check Box 5">
              <controlPr defaultSize="0" autoFill="0" autoLine="0" autoPict="0">
                <anchor moveWithCells="1">
                  <from>
                    <xdr:col>7</xdr:col>
                    <xdr:colOff>312420</xdr:colOff>
                    <xdr:row>25</xdr:row>
                    <xdr:rowOff>213360</xdr:rowOff>
                  </from>
                  <to>
                    <xdr:col>9</xdr:col>
                    <xdr:colOff>45720</xdr:colOff>
                    <xdr:row>27</xdr:row>
                    <xdr:rowOff>7620</xdr:rowOff>
                  </to>
                </anchor>
              </controlPr>
            </control>
          </mc:Choice>
        </mc:AlternateContent>
        <mc:AlternateContent xmlns:mc="http://schemas.openxmlformats.org/markup-compatibility/2006">
          <mc:Choice Requires="x14">
            <control shapeId="18438" r:id="rId8" name="Check Box 6">
              <controlPr defaultSize="0" autoFill="0" autoLine="0" autoPict="0">
                <anchor moveWithCells="1">
                  <from>
                    <xdr:col>14</xdr:col>
                    <xdr:colOff>38100</xdr:colOff>
                    <xdr:row>25</xdr:row>
                    <xdr:rowOff>213360</xdr:rowOff>
                  </from>
                  <to>
                    <xdr:col>15</xdr:col>
                    <xdr:colOff>76200</xdr:colOff>
                    <xdr:row>27</xdr:row>
                    <xdr:rowOff>7620</xdr:rowOff>
                  </to>
                </anchor>
              </controlPr>
            </control>
          </mc:Choice>
        </mc:AlternateContent>
        <mc:AlternateContent xmlns:mc="http://schemas.openxmlformats.org/markup-compatibility/2006">
          <mc:Choice Requires="x14">
            <control shapeId="18439" r:id="rId9" name="Check Box 7">
              <controlPr defaultSize="0" autoFill="0" autoLine="0" autoPict="0">
                <anchor moveWithCells="1">
                  <from>
                    <xdr:col>15</xdr:col>
                    <xdr:colOff>236220</xdr:colOff>
                    <xdr:row>25</xdr:row>
                    <xdr:rowOff>213360</xdr:rowOff>
                  </from>
                  <to>
                    <xdr:col>16</xdr:col>
                    <xdr:colOff>304800</xdr:colOff>
                    <xdr:row>27</xdr:row>
                    <xdr:rowOff>1524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dimension ref="A1:AD37"/>
  <sheetViews>
    <sheetView view="pageBreakPreview" zoomScaleNormal="100" zoomScaleSheetLayoutView="100" workbookViewId="0">
      <selection activeCell="A2" sqref="A2"/>
    </sheetView>
  </sheetViews>
  <sheetFormatPr defaultRowHeight="15" customHeight="1"/>
  <cols>
    <col min="1" max="1" width="12.44140625" style="546" customWidth="1"/>
    <col min="2" max="6" width="4.6640625" style="546" customWidth="1"/>
    <col min="7" max="7" width="15" style="546" customWidth="1"/>
    <col min="8" max="10" width="11.88671875" style="546" customWidth="1"/>
    <col min="11" max="11" width="5" style="546" customWidth="1"/>
    <col min="12" max="12" width="13.77734375" style="546" customWidth="1"/>
    <col min="13" max="13" width="5" style="546" customWidth="1"/>
    <col min="14" max="15" width="13.77734375" style="546" customWidth="1"/>
    <col min="16" max="16" width="11" style="546" customWidth="1"/>
    <col min="17" max="17" width="5.77734375" style="546" customWidth="1"/>
    <col min="18" max="256" width="9" style="546"/>
    <col min="257" max="257" width="12.44140625" style="546" customWidth="1"/>
    <col min="258" max="262" width="4.6640625" style="546" customWidth="1"/>
    <col min="263" max="263" width="15" style="546" customWidth="1"/>
    <col min="264" max="266" width="11.88671875" style="546" customWidth="1"/>
    <col min="267" max="267" width="5" style="546" customWidth="1"/>
    <col min="268" max="268" width="13.77734375" style="546" customWidth="1"/>
    <col min="269" max="269" width="5" style="546" customWidth="1"/>
    <col min="270" max="271" width="13.77734375" style="546" customWidth="1"/>
    <col min="272" max="272" width="11" style="546" customWidth="1"/>
    <col min="273" max="273" width="5.77734375" style="546" customWidth="1"/>
    <col min="274" max="512" width="9" style="546"/>
    <col min="513" max="513" width="12.44140625" style="546" customWidth="1"/>
    <col min="514" max="518" width="4.6640625" style="546" customWidth="1"/>
    <col min="519" max="519" width="15" style="546" customWidth="1"/>
    <col min="520" max="522" width="11.88671875" style="546" customWidth="1"/>
    <col min="523" max="523" width="5" style="546" customWidth="1"/>
    <col min="524" max="524" width="13.77734375" style="546" customWidth="1"/>
    <col min="525" max="525" width="5" style="546" customWidth="1"/>
    <col min="526" max="527" width="13.77734375" style="546" customWidth="1"/>
    <col min="528" max="528" width="11" style="546" customWidth="1"/>
    <col min="529" max="529" width="5.77734375" style="546" customWidth="1"/>
    <col min="530" max="768" width="9" style="546"/>
    <col min="769" max="769" width="12.44140625" style="546" customWidth="1"/>
    <col min="770" max="774" width="4.6640625" style="546" customWidth="1"/>
    <col min="775" max="775" width="15" style="546" customWidth="1"/>
    <col min="776" max="778" width="11.88671875" style="546" customWidth="1"/>
    <col min="779" max="779" width="5" style="546" customWidth="1"/>
    <col min="780" max="780" width="13.77734375" style="546" customWidth="1"/>
    <col min="781" max="781" width="5" style="546" customWidth="1"/>
    <col min="782" max="783" width="13.77734375" style="546" customWidth="1"/>
    <col min="784" max="784" width="11" style="546" customWidth="1"/>
    <col min="785" max="785" width="5.77734375" style="546" customWidth="1"/>
    <col min="786" max="1024" width="9" style="546"/>
    <col min="1025" max="1025" width="12.44140625" style="546" customWidth="1"/>
    <col min="1026" max="1030" width="4.6640625" style="546" customWidth="1"/>
    <col min="1031" max="1031" width="15" style="546" customWidth="1"/>
    <col min="1032" max="1034" width="11.88671875" style="546" customWidth="1"/>
    <col min="1035" max="1035" width="5" style="546" customWidth="1"/>
    <col min="1036" max="1036" width="13.77734375" style="546" customWidth="1"/>
    <col min="1037" max="1037" width="5" style="546" customWidth="1"/>
    <col min="1038" max="1039" width="13.77734375" style="546" customWidth="1"/>
    <col min="1040" max="1040" width="11" style="546" customWidth="1"/>
    <col min="1041" max="1041" width="5.77734375" style="546" customWidth="1"/>
    <col min="1042" max="1280" width="9" style="546"/>
    <col min="1281" max="1281" width="12.44140625" style="546" customWidth="1"/>
    <col min="1282" max="1286" width="4.6640625" style="546" customWidth="1"/>
    <col min="1287" max="1287" width="15" style="546" customWidth="1"/>
    <col min="1288" max="1290" width="11.88671875" style="546" customWidth="1"/>
    <col min="1291" max="1291" width="5" style="546" customWidth="1"/>
    <col min="1292" max="1292" width="13.77734375" style="546" customWidth="1"/>
    <col min="1293" max="1293" width="5" style="546" customWidth="1"/>
    <col min="1294" max="1295" width="13.77734375" style="546" customWidth="1"/>
    <col min="1296" max="1296" width="11" style="546" customWidth="1"/>
    <col min="1297" max="1297" width="5.77734375" style="546" customWidth="1"/>
    <col min="1298" max="1536" width="9" style="546"/>
    <col min="1537" max="1537" width="12.44140625" style="546" customWidth="1"/>
    <col min="1538" max="1542" width="4.6640625" style="546" customWidth="1"/>
    <col min="1543" max="1543" width="15" style="546" customWidth="1"/>
    <col min="1544" max="1546" width="11.88671875" style="546" customWidth="1"/>
    <col min="1547" max="1547" width="5" style="546" customWidth="1"/>
    <col min="1548" max="1548" width="13.77734375" style="546" customWidth="1"/>
    <col min="1549" max="1549" width="5" style="546" customWidth="1"/>
    <col min="1550" max="1551" width="13.77734375" style="546" customWidth="1"/>
    <col min="1552" max="1552" width="11" style="546" customWidth="1"/>
    <col min="1553" max="1553" width="5.77734375" style="546" customWidth="1"/>
    <col min="1554" max="1792" width="9" style="546"/>
    <col min="1793" max="1793" width="12.44140625" style="546" customWidth="1"/>
    <col min="1794" max="1798" width="4.6640625" style="546" customWidth="1"/>
    <col min="1799" max="1799" width="15" style="546" customWidth="1"/>
    <col min="1800" max="1802" width="11.88671875" style="546" customWidth="1"/>
    <col min="1803" max="1803" width="5" style="546" customWidth="1"/>
    <col min="1804" max="1804" width="13.77734375" style="546" customWidth="1"/>
    <col min="1805" max="1805" width="5" style="546" customWidth="1"/>
    <col min="1806" max="1807" width="13.77734375" style="546" customWidth="1"/>
    <col min="1808" max="1808" width="11" style="546" customWidth="1"/>
    <col min="1809" max="1809" width="5.77734375" style="546" customWidth="1"/>
    <col min="1810" max="2048" width="9" style="546"/>
    <col min="2049" max="2049" width="12.44140625" style="546" customWidth="1"/>
    <col min="2050" max="2054" width="4.6640625" style="546" customWidth="1"/>
    <col min="2055" max="2055" width="15" style="546" customWidth="1"/>
    <col min="2056" max="2058" width="11.88671875" style="546" customWidth="1"/>
    <col min="2059" max="2059" width="5" style="546" customWidth="1"/>
    <col min="2060" max="2060" width="13.77734375" style="546" customWidth="1"/>
    <col min="2061" max="2061" width="5" style="546" customWidth="1"/>
    <col min="2062" max="2063" width="13.77734375" style="546" customWidth="1"/>
    <col min="2064" max="2064" width="11" style="546" customWidth="1"/>
    <col min="2065" max="2065" width="5.77734375" style="546" customWidth="1"/>
    <col min="2066" max="2304" width="9" style="546"/>
    <col min="2305" max="2305" width="12.44140625" style="546" customWidth="1"/>
    <col min="2306" max="2310" width="4.6640625" style="546" customWidth="1"/>
    <col min="2311" max="2311" width="15" style="546" customWidth="1"/>
    <col min="2312" max="2314" width="11.88671875" style="546" customWidth="1"/>
    <col min="2315" max="2315" width="5" style="546" customWidth="1"/>
    <col min="2316" max="2316" width="13.77734375" style="546" customWidth="1"/>
    <col min="2317" max="2317" width="5" style="546" customWidth="1"/>
    <col min="2318" max="2319" width="13.77734375" style="546" customWidth="1"/>
    <col min="2320" max="2320" width="11" style="546" customWidth="1"/>
    <col min="2321" max="2321" width="5.77734375" style="546" customWidth="1"/>
    <col min="2322" max="2560" width="9" style="546"/>
    <col min="2561" max="2561" width="12.44140625" style="546" customWidth="1"/>
    <col min="2562" max="2566" width="4.6640625" style="546" customWidth="1"/>
    <col min="2567" max="2567" width="15" style="546" customWidth="1"/>
    <col min="2568" max="2570" width="11.88671875" style="546" customWidth="1"/>
    <col min="2571" max="2571" width="5" style="546" customWidth="1"/>
    <col min="2572" max="2572" width="13.77734375" style="546" customWidth="1"/>
    <col min="2573" max="2573" width="5" style="546" customWidth="1"/>
    <col min="2574" max="2575" width="13.77734375" style="546" customWidth="1"/>
    <col min="2576" max="2576" width="11" style="546" customWidth="1"/>
    <col min="2577" max="2577" width="5.77734375" style="546" customWidth="1"/>
    <col min="2578" max="2816" width="9" style="546"/>
    <col min="2817" max="2817" width="12.44140625" style="546" customWidth="1"/>
    <col min="2818" max="2822" width="4.6640625" style="546" customWidth="1"/>
    <col min="2823" max="2823" width="15" style="546" customWidth="1"/>
    <col min="2824" max="2826" width="11.88671875" style="546" customWidth="1"/>
    <col min="2827" max="2827" width="5" style="546" customWidth="1"/>
    <col min="2828" max="2828" width="13.77734375" style="546" customWidth="1"/>
    <col min="2829" max="2829" width="5" style="546" customWidth="1"/>
    <col min="2830" max="2831" width="13.77734375" style="546" customWidth="1"/>
    <col min="2832" max="2832" width="11" style="546" customWidth="1"/>
    <col min="2833" max="2833" width="5.77734375" style="546" customWidth="1"/>
    <col min="2834" max="3072" width="9" style="546"/>
    <col min="3073" max="3073" width="12.44140625" style="546" customWidth="1"/>
    <col min="3074" max="3078" width="4.6640625" style="546" customWidth="1"/>
    <col min="3079" max="3079" width="15" style="546" customWidth="1"/>
    <col min="3080" max="3082" width="11.88671875" style="546" customWidth="1"/>
    <col min="3083" max="3083" width="5" style="546" customWidth="1"/>
    <col min="3084" max="3084" width="13.77734375" style="546" customWidth="1"/>
    <col min="3085" max="3085" width="5" style="546" customWidth="1"/>
    <col min="3086" max="3087" width="13.77734375" style="546" customWidth="1"/>
    <col min="3088" max="3088" width="11" style="546" customWidth="1"/>
    <col min="3089" max="3089" width="5.77734375" style="546" customWidth="1"/>
    <col min="3090" max="3328" width="9" style="546"/>
    <col min="3329" max="3329" width="12.44140625" style="546" customWidth="1"/>
    <col min="3330" max="3334" width="4.6640625" style="546" customWidth="1"/>
    <col min="3335" max="3335" width="15" style="546" customWidth="1"/>
    <col min="3336" max="3338" width="11.88671875" style="546" customWidth="1"/>
    <col min="3339" max="3339" width="5" style="546" customWidth="1"/>
    <col min="3340" max="3340" width="13.77734375" style="546" customWidth="1"/>
    <col min="3341" max="3341" width="5" style="546" customWidth="1"/>
    <col min="3342" max="3343" width="13.77734375" style="546" customWidth="1"/>
    <col min="3344" max="3344" width="11" style="546" customWidth="1"/>
    <col min="3345" max="3345" width="5.77734375" style="546" customWidth="1"/>
    <col min="3346" max="3584" width="9" style="546"/>
    <col min="3585" max="3585" width="12.44140625" style="546" customWidth="1"/>
    <col min="3586" max="3590" width="4.6640625" style="546" customWidth="1"/>
    <col min="3591" max="3591" width="15" style="546" customWidth="1"/>
    <col min="3592" max="3594" width="11.88671875" style="546" customWidth="1"/>
    <col min="3595" max="3595" width="5" style="546" customWidth="1"/>
    <col min="3596" max="3596" width="13.77734375" style="546" customWidth="1"/>
    <col min="3597" max="3597" width="5" style="546" customWidth="1"/>
    <col min="3598" max="3599" width="13.77734375" style="546" customWidth="1"/>
    <col min="3600" max="3600" width="11" style="546" customWidth="1"/>
    <col min="3601" max="3601" width="5.77734375" style="546" customWidth="1"/>
    <col min="3602" max="3840" width="9" style="546"/>
    <col min="3841" max="3841" width="12.44140625" style="546" customWidth="1"/>
    <col min="3842" max="3846" width="4.6640625" style="546" customWidth="1"/>
    <col min="3847" max="3847" width="15" style="546" customWidth="1"/>
    <col min="3848" max="3850" width="11.88671875" style="546" customWidth="1"/>
    <col min="3851" max="3851" width="5" style="546" customWidth="1"/>
    <col min="3852" max="3852" width="13.77734375" style="546" customWidth="1"/>
    <col min="3853" max="3853" width="5" style="546" customWidth="1"/>
    <col min="3854" max="3855" width="13.77734375" style="546" customWidth="1"/>
    <col min="3856" max="3856" width="11" style="546" customWidth="1"/>
    <col min="3857" max="3857" width="5.77734375" style="546" customWidth="1"/>
    <col min="3858" max="4096" width="9" style="546"/>
    <col min="4097" max="4097" width="12.44140625" style="546" customWidth="1"/>
    <col min="4098" max="4102" width="4.6640625" style="546" customWidth="1"/>
    <col min="4103" max="4103" width="15" style="546" customWidth="1"/>
    <col min="4104" max="4106" width="11.88671875" style="546" customWidth="1"/>
    <col min="4107" max="4107" width="5" style="546" customWidth="1"/>
    <col min="4108" max="4108" width="13.77734375" style="546" customWidth="1"/>
    <col min="4109" max="4109" width="5" style="546" customWidth="1"/>
    <col min="4110" max="4111" width="13.77734375" style="546" customWidth="1"/>
    <col min="4112" max="4112" width="11" style="546" customWidth="1"/>
    <col min="4113" max="4113" width="5.77734375" style="546" customWidth="1"/>
    <col min="4114" max="4352" width="9" style="546"/>
    <col min="4353" max="4353" width="12.44140625" style="546" customWidth="1"/>
    <col min="4354" max="4358" width="4.6640625" style="546" customWidth="1"/>
    <col min="4359" max="4359" width="15" style="546" customWidth="1"/>
    <col min="4360" max="4362" width="11.88671875" style="546" customWidth="1"/>
    <col min="4363" max="4363" width="5" style="546" customWidth="1"/>
    <col min="4364" max="4364" width="13.77734375" style="546" customWidth="1"/>
    <col min="4365" max="4365" width="5" style="546" customWidth="1"/>
    <col min="4366" max="4367" width="13.77734375" style="546" customWidth="1"/>
    <col min="4368" max="4368" width="11" style="546" customWidth="1"/>
    <col min="4369" max="4369" width="5.77734375" style="546" customWidth="1"/>
    <col min="4370" max="4608" width="9" style="546"/>
    <col min="4609" max="4609" width="12.44140625" style="546" customWidth="1"/>
    <col min="4610" max="4614" width="4.6640625" style="546" customWidth="1"/>
    <col min="4615" max="4615" width="15" style="546" customWidth="1"/>
    <col min="4616" max="4618" width="11.88671875" style="546" customWidth="1"/>
    <col min="4619" max="4619" width="5" style="546" customWidth="1"/>
    <col min="4620" max="4620" width="13.77734375" style="546" customWidth="1"/>
    <col min="4621" max="4621" width="5" style="546" customWidth="1"/>
    <col min="4622" max="4623" width="13.77734375" style="546" customWidth="1"/>
    <col min="4624" max="4624" width="11" style="546" customWidth="1"/>
    <col min="4625" max="4625" width="5.77734375" style="546" customWidth="1"/>
    <col min="4626" max="4864" width="9" style="546"/>
    <col min="4865" max="4865" width="12.44140625" style="546" customWidth="1"/>
    <col min="4866" max="4870" width="4.6640625" style="546" customWidth="1"/>
    <col min="4871" max="4871" width="15" style="546" customWidth="1"/>
    <col min="4872" max="4874" width="11.88671875" style="546" customWidth="1"/>
    <col min="4875" max="4875" width="5" style="546" customWidth="1"/>
    <col min="4876" max="4876" width="13.77734375" style="546" customWidth="1"/>
    <col min="4877" max="4877" width="5" style="546" customWidth="1"/>
    <col min="4878" max="4879" width="13.77734375" style="546" customWidth="1"/>
    <col min="4880" max="4880" width="11" style="546" customWidth="1"/>
    <col min="4881" max="4881" width="5.77734375" style="546" customWidth="1"/>
    <col min="4882" max="5120" width="9" style="546"/>
    <col min="5121" max="5121" width="12.44140625" style="546" customWidth="1"/>
    <col min="5122" max="5126" width="4.6640625" style="546" customWidth="1"/>
    <col min="5127" max="5127" width="15" style="546" customWidth="1"/>
    <col min="5128" max="5130" width="11.88671875" style="546" customWidth="1"/>
    <col min="5131" max="5131" width="5" style="546" customWidth="1"/>
    <col min="5132" max="5132" width="13.77734375" style="546" customWidth="1"/>
    <col min="5133" max="5133" width="5" style="546" customWidth="1"/>
    <col min="5134" max="5135" width="13.77734375" style="546" customWidth="1"/>
    <col min="5136" max="5136" width="11" style="546" customWidth="1"/>
    <col min="5137" max="5137" width="5.77734375" style="546" customWidth="1"/>
    <col min="5138" max="5376" width="9" style="546"/>
    <col min="5377" max="5377" width="12.44140625" style="546" customWidth="1"/>
    <col min="5378" max="5382" width="4.6640625" style="546" customWidth="1"/>
    <col min="5383" max="5383" width="15" style="546" customWidth="1"/>
    <col min="5384" max="5386" width="11.88671875" style="546" customWidth="1"/>
    <col min="5387" max="5387" width="5" style="546" customWidth="1"/>
    <col min="5388" max="5388" width="13.77734375" style="546" customWidth="1"/>
    <col min="5389" max="5389" width="5" style="546" customWidth="1"/>
    <col min="5390" max="5391" width="13.77734375" style="546" customWidth="1"/>
    <col min="5392" max="5392" width="11" style="546" customWidth="1"/>
    <col min="5393" max="5393" width="5.77734375" style="546" customWidth="1"/>
    <col min="5394" max="5632" width="9" style="546"/>
    <col min="5633" max="5633" width="12.44140625" style="546" customWidth="1"/>
    <col min="5634" max="5638" width="4.6640625" style="546" customWidth="1"/>
    <col min="5639" max="5639" width="15" style="546" customWidth="1"/>
    <col min="5640" max="5642" width="11.88671875" style="546" customWidth="1"/>
    <col min="5643" max="5643" width="5" style="546" customWidth="1"/>
    <col min="5644" max="5644" width="13.77734375" style="546" customWidth="1"/>
    <col min="5645" max="5645" width="5" style="546" customWidth="1"/>
    <col min="5646" max="5647" width="13.77734375" style="546" customWidth="1"/>
    <col min="5648" max="5648" width="11" style="546" customWidth="1"/>
    <col min="5649" max="5649" width="5.77734375" style="546" customWidth="1"/>
    <col min="5650" max="5888" width="9" style="546"/>
    <col min="5889" max="5889" width="12.44140625" style="546" customWidth="1"/>
    <col min="5890" max="5894" width="4.6640625" style="546" customWidth="1"/>
    <col min="5895" max="5895" width="15" style="546" customWidth="1"/>
    <col min="5896" max="5898" width="11.88671875" style="546" customWidth="1"/>
    <col min="5899" max="5899" width="5" style="546" customWidth="1"/>
    <col min="5900" max="5900" width="13.77734375" style="546" customWidth="1"/>
    <col min="5901" max="5901" width="5" style="546" customWidth="1"/>
    <col min="5902" max="5903" width="13.77734375" style="546" customWidth="1"/>
    <col min="5904" max="5904" width="11" style="546" customWidth="1"/>
    <col min="5905" max="5905" width="5.77734375" style="546" customWidth="1"/>
    <col min="5906" max="6144" width="9" style="546"/>
    <col min="6145" max="6145" width="12.44140625" style="546" customWidth="1"/>
    <col min="6146" max="6150" width="4.6640625" style="546" customWidth="1"/>
    <col min="6151" max="6151" width="15" style="546" customWidth="1"/>
    <col min="6152" max="6154" width="11.88671875" style="546" customWidth="1"/>
    <col min="6155" max="6155" width="5" style="546" customWidth="1"/>
    <col min="6156" max="6156" width="13.77734375" style="546" customWidth="1"/>
    <col min="6157" max="6157" width="5" style="546" customWidth="1"/>
    <col min="6158" max="6159" width="13.77734375" style="546" customWidth="1"/>
    <col min="6160" max="6160" width="11" style="546" customWidth="1"/>
    <col min="6161" max="6161" width="5.77734375" style="546" customWidth="1"/>
    <col min="6162" max="6400" width="9" style="546"/>
    <col min="6401" max="6401" width="12.44140625" style="546" customWidth="1"/>
    <col min="6402" max="6406" width="4.6640625" style="546" customWidth="1"/>
    <col min="6407" max="6407" width="15" style="546" customWidth="1"/>
    <col min="6408" max="6410" width="11.88671875" style="546" customWidth="1"/>
    <col min="6411" max="6411" width="5" style="546" customWidth="1"/>
    <col min="6412" max="6412" width="13.77734375" style="546" customWidth="1"/>
    <col min="6413" max="6413" width="5" style="546" customWidth="1"/>
    <col min="6414" max="6415" width="13.77734375" style="546" customWidth="1"/>
    <col min="6416" max="6416" width="11" style="546" customWidth="1"/>
    <col min="6417" max="6417" width="5.77734375" style="546" customWidth="1"/>
    <col min="6418" max="6656" width="9" style="546"/>
    <col min="6657" max="6657" width="12.44140625" style="546" customWidth="1"/>
    <col min="6658" max="6662" width="4.6640625" style="546" customWidth="1"/>
    <col min="6663" max="6663" width="15" style="546" customWidth="1"/>
    <col min="6664" max="6666" width="11.88671875" style="546" customWidth="1"/>
    <col min="6667" max="6667" width="5" style="546" customWidth="1"/>
    <col min="6668" max="6668" width="13.77734375" style="546" customWidth="1"/>
    <col min="6669" max="6669" width="5" style="546" customWidth="1"/>
    <col min="6670" max="6671" width="13.77734375" style="546" customWidth="1"/>
    <col min="6672" max="6672" width="11" style="546" customWidth="1"/>
    <col min="6673" max="6673" width="5.77734375" style="546" customWidth="1"/>
    <col min="6674" max="6912" width="9" style="546"/>
    <col min="6913" max="6913" width="12.44140625" style="546" customWidth="1"/>
    <col min="6914" max="6918" width="4.6640625" style="546" customWidth="1"/>
    <col min="6919" max="6919" width="15" style="546" customWidth="1"/>
    <col min="6920" max="6922" width="11.88671875" style="546" customWidth="1"/>
    <col min="6923" max="6923" width="5" style="546" customWidth="1"/>
    <col min="6924" max="6924" width="13.77734375" style="546" customWidth="1"/>
    <col min="6925" max="6925" width="5" style="546" customWidth="1"/>
    <col min="6926" max="6927" width="13.77734375" style="546" customWidth="1"/>
    <col min="6928" max="6928" width="11" style="546" customWidth="1"/>
    <col min="6929" max="6929" width="5.77734375" style="546" customWidth="1"/>
    <col min="6930" max="7168" width="9" style="546"/>
    <col min="7169" max="7169" width="12.44140625" style="546" customWidth="1"/>
    <col min="7170" max="7174" width="4.6640625" style="546" customWidth="1"/>
    <col min="7175" max="7175" width="15" style="546" customWidth="1"/>
    <col min="7176" max="7178" width="11.88671875" style="546" customWidth="1"/>
    <col min="7179" max="7179" width="5" style="546" customWidth="1"/>
    <col min="7180" max="7180" width="13.77734375" style="546" customWidth="1"/>
    <col min="7181" max="7181" width="5" style="546" customWidth="1"/>
    <col min="7182" max="7183" width="13.77734375" style="546" customWidth="1"/>
    <col min="7184" max="7184" width="11" style="546" customWidth="1"/>
    <col min="7185" max="7185" width="5.77734375" style="546" customWidth="1"/>
    <col min="7186" max="7424" width="9" style="546"/>
    <col min="7425" max="7425" width="12.44140625" style="546" customWidth="1"/>
    <col min="7426" max="7430" width="4.6640625" style="546" customWidth="1"/>
    <col min="7431" max="7431" width="15" style="546" customWidth="1"/>
    <col min="7432" max="7434" width="11.88671875" style="546" customWidth="1"/>
    <col min="7435" max="7435" width="5" style="546" customWidth="1"/>
    <col min="7436" max="7436" width="13.77734375" style="546" customWidth="1"/>
    <col min="7437" max="7437" width="5" style="546" customWidth="1"/>
    <col min="7438" max="7439" width="13.77734375" style="546" customWidth="1"/>
    <col min="7440" max="7440" width="11" style="546" customWidth="1"/>
    <col min="7441" max="7441" width="5.77734375" style="546" customWidth="1"/>
    <col min="7442" max="7680" width="9" style="546"/>
    <col min="7681" max="7681" width="12.44140625" style="546" customWidth="1"/>
    <col min="7682" max="7686" width="4.6640625" style="546" customWidth="1"/>
    <col min="7687" max="7687" width="15" style="546" customWidth="1"/>
    <col min="7688" max="7690" width="11.88671875" style="546" customWidth="1"/>
    <col min="7691" max="7691" width="5" style="546" customWidth="1"/>
    <col min="7692" max="7692" width="13.77734375" style="546" customWidth="1"/>
    <col min="7693" max="7693" width="5" style="546" customWidth="1"/>
    <col min="7694" max="7695" width="13.77734375" style="546" customWidth="1"/>
    <col min="7696" max="7696" width="11" style="546" customWidth="1"/>
    <col min="7697" max="7697" width="5.77734375" style="546" customWidth="1"/>
    <col min="7698" max="7936" width="9" style="546"/>
    <col min="7937" max="7937" width="12.44140625" style="546" customWidth="1"/>
    <col min="7938" max="7942" width="4.6640625" style="546" customWidth="1"/>
    <col min="7943" max="7943" width="15" style="546" customWidth="1"/>
    <col min="7944" max="7946" width="11.88671875" style="546" customWidth="1"/>
    <col min="7947" max="7947" width="5" style="546" customWidth="1"/>
    <col min="7948" max="7948" width="13.77734375" style="546" customWidth="1"/>
    <col min="7949" max="7949" width="5" style="546" customWidth="1"/>
    <col min="7950" max="7951" width="13.77734375" style="546" customWidth="1"/>
    <col min="7952" max="7952" width="11" style="546" customWidth="1"/>
    <col min="7953" max="7953" width="5.77734375" style="546" customWidth="1"/>
    <col min="7954" max="8192" width="9" style="546"/>
    <col min="8193" max="8193" width="12.44140625" style="546" customWidth="1"/>
    <col min="8194" max="8198" width="4.6640625" style="546" customWidth="1"/>
    <col min="8199" max="8199" width="15" style="546" customWidth="1"/>
    <col min="8200" max="8202" width="11.88671875" style="546" customWidth="1"/>
    <col min="8203" max="8203" width="5" style="546" customWidth="1"/>
    <col min="8204" max="8204" width="13.77734375" style="546" customWidth="1"/>
    <col min="8205" max="8205" width="5" style="546" customWidth="1"/>
    <col min="8206" max="8207" width="13.77734375" style="546" customWidth="1"/>
    <col min="8208" max="8208" width="11" style="546" customWidth="1"/>
    <col min="8209" max="8209" width="5.77734375" style="546" customWidth="1"/>
    <col min="8210" max="8448" width="9" style="546"/>
    <col min="8449" max="8449" width="12.44140625" style="546" customWidth="1"/>
    <col min="8450" max="8454" width="4.6640625" style="546" customWidth="1"/>
    <col min="8455" max="8455" width="15" style="546" customWidth="1"/>
    <col min="8456" max="8458" width="11.88671875" style="546" customWidth="1"/>
    <col min="8459" max="8459" width="5" style="546" customWidth="1"/>
    <col min="8460" max="8460" width="13.77734375" style="546" customWidth="1"/>
    <col min="8461" max="8461" width="5" style="546" customWidth="1"/>
    <col min="8462" max="8463" width="13.77734375" style="546" customWidth="1"/>
    <col min="8464" max="8464" width="11" style="546" customWidth="1"/>
    <col min="8465" max="8465" width="5.77734375" style="546" customWidth="1"/>
    <col min="8466" max="8704" width="9" style="546"/>
    <col min="8705" max="8705" width="12.44140625" style="546" customWidth="1"/>
    <col min="8706" max="8710" width="4.6640625" style="546" customWidth="1"/>
    <col min="8711" max="8711" width="15" style="546" customWidth="1"/>
    <col min="8712" max="8714" width="11.88671875" style="546" customWidth="1"/>
    <col min="8715" max="8715" width="5" style="546" customWidth="1"/>
    <col min="8716" max="8716" width="13.77734375" style="546" customWidth="1"/>
    <col min="8717" max="8717" width="5" style="546" customWidth="1"/>
    <col min="8718" max="8719" width="13.77734375" style="546" customWidth="1"/>
    <col min="8720" max="8720" width="11" style="546" customWidth="1"/>
    <col min="8721" max="8721" width="5.77734375" style="546" customWidth="1"/>
    <col min="8722" max="8960" width="9" style="546"/>
    <col min="8961" max="8961" width="12.44140625" style="546" customWidth="1"/>
    <col min="8962" max="8966" width="4.6640625" style="546" customWidth="1"/>
    <col min="8967" max="8967" width="15" style="546" customWidth="1"/>
    <col min="8968" max="8970" width="11.88671875" style="546" customWidth="1"/>
    <col min="8971" max="8971" width="5" style="546" customWidth="1"/>
    <col min="8972" max="8972" width="13.77734375" style="546" customWidth="1"/>
    <col min="8973" max="8973" width="5" style="546" customWidth="1"/>
    <col min="8974" max="8975" width="13.77734375" style="546" customWidth="1"/>
    <col min="8976" max="8976" width="11" style="546" customWidth="1"/>
    <col min="8977" max="8977" width="5.77734375" style="546" customWidth="1"/>
    <col min="8978" max="9216" width="9" style="546"/>
    <col min="9217" max="9217" width="12.44140625" style="546" customWidth="1"/>
    <col min="9218" max="9222" width="4.6640625" style="546" customWidth="1"/>
    <col min="9223" max="9223" width="15" style="546" customWidth="1"/>
    <col min="9224" max="9226" width="11.88671875" style="546" customWidth="1"/>
    <col min="9227" max="9227" width="5" style="546" customWidth="1"/>
    <col min="9228" max="9228" width="13.77734375" style="546" customWidth="1"/>
    <col min="9229" max="9229" width="5" style="546" customWidth="1"/>
    <col min="9230" max="9231" width="13.77734375" style="546" customWidth="1"/>
    <col min="9232" max="9232" width="11" style="546" customWidth="1"/>
    <col min="9233" max="9233" width="5.77734375" style="546" customWidth="1"/>
    <col min="9234" max="9472" width="9" style="546"/>
    <col min="9473" max="9473" width="12.44140625" style="546" customWidth="1"/>
    <col min="9474" max="9478" width="4.6640625" style="546" customWidth="1"/>
    <col min="9479" max="9479" width="15" style="546" customWidth="1"/>
    <col min="9480" max="9482" width="11.88671875" style="546" customWidth="1"/>
    <col min="9483" max="9483" width="5" style="546" customWidth="1"/>
    <col min="9484" max="9484" width="13.77734375" style="546" customWidth="1"/>
    <col min="9485" max="9485" width="5" style="546" customWidth="1"/>
    <col min="9486" max="9487" width="13.77734375" style="546" customWidth="1"/>
    <col min="9488" max="9488" width="11" style="546" customWidth="1"/>
    <col min="9489" max="9489" width="5.77734375" style="546" customWidth="1"/>
    <col min="9490" max="9728" width="9" style="546"/>
    <col min="9729" max="9729" width="12.44140625" style="546" customWidth="1"/>
    <col min="9730" max="9734" width="4.6640625" style="546" customWidth="1"/>
    <col min="9735" max="9735" width="15" style="546" customWidth="1"/>
    <col min="9736" max="9738" width="11.88671875" style="546" customWidth="1"/>
    <col min="9739" max="9739" width="5" style="546" customWidth="1"/>
    <col min="9740" max="9740" width="13.77734375" style="546" customWidth="1"/>
    <col min="9741" max="9741" width="5" style="546" customWidth="1"/>
    <col min="9742" max="9743" width="13.77734375" style="546" customWidth="1"/>
    <col min="9744" max="9744" width="11" style="546" customWidth="1"/>
    <col min="9745" max="9745" width="5.77734375" style="546" customWidth="1"/>
    <col min="9746" max="9984" width="9" style="546"/>
    <col min="9985" max="9985" width="12.44140625" style="546" customWidth="1"/>
    <col min="9986" max="9990" width="4.6640625" style="546" customWidth="1"/>
    <col min="9991" max="9991" width="15" style="546" customWidth="1"/>
    <col min="9992" max="9994" width="11.88671875" style="546" customWidth="1"/>
    <col min="9995" max="9995" width="5" style="546" customWidth="1"/>
    <col min="9996" max="9996" width="13.77734375" style="546" customWidth="1"/>
    <col min="9997" max="9997" width="5" style="546" customWidth="1"/>
    <col min="9998" max="9999" width="13.77734375" style="546" customWidth="1"/>
    <col min="10000" max="10000" width="11" style="546" customWidth="1"/>
    <col min="10001" max="10001" width="5.77734375" style="546" customWidth="1"/>
    <col min="10002" max="10240" width="9" style="546"/>
    <col min="10241" max="10241" width="12.44140625" style="546" customWidth="1"/>
    <col min="10242" max="10246" width="4.6640625" style="546" customWidth="1"/>
    <col min="10247" max="10247" width="15" style="546" customWidth="1"/>
    <col min="10248" max="10250" width="11.88671875" style="546" customWidth="1"/>
    <col min="10251" max="10251" width="5" style="546" customWidth="1"/>
    <col min="10252" max="10252" width="13.77734375" style="546" customWidth="1"/>
    <col min="10253" max="10253" width="5" style="546" customWidth="1"/>
    <col min="10254" max="10255" width="13.77734375" style="546" customWidth="1"/>
    <col min="10256" max="10256" width="11" style="546" customWidth="1"/>
    <col min="10257" max="10257" width="5.77734375" style="546" customWidth="1"/>
    <col min="10258" max="10496" width="9" style="546"/>
    <col min="10497" max="10497" width="12.44140625" style="546" customWidth="1"/>
    <col min="10498" max="10502" width="4.6640625" style="546" customWidth="1"/>
    <col min="10503" max="10503" width="15" style="546" customWidth="1"/>
    <col min="10504" max="10506" width="11.88671875" style="546" customWidth="1"/>
    <col min="10507" max="10507" width="5" style="546" customWidth="1"/>
    <col min="10508" max="10508" width="13.77734375" style="546" customWidth="1"/>
    <col min="10509" max="10509" width="5" style="546" customWidth="1"/>
    <col min="10510" max="10511" width="13.77734375" style="546" customWidth="1"/>
    <col min="10512" max="10512" width="11" style="546" customWidth="1"/>
    <col min="10513" max="10513" width="5.77734375" style="546" customWidth="1"/>
    <col min="10514" max="10752" width="9" style="546"/>
    <col min="10753" max="10753" width="12.44140625" style="546" customWidth="1"/>
    <col min="10754" max="10758" width="4.6640625" style="546" customWidth="1"/>
    <col min="10759" max="10759" width="15" style="546" customWidth="1"/>
    <col min="10760" max="10762" width="11.88671875" style="546" customWidth="1"/>
    <col min="10763" max="10763" width="5" style="546" customWidth="1"/>
    <col min="10764" max="10764" width="13.77734375" style="546" customWidth="1"/>
    <col min="10765" max="10765" width="5" style="546" customWidth="1"/>
    <col min="10766" max="10767" width="13.77734375" style="546" customWidth="1"/>
    <col min="10768" max="10768" width="11" style="546" customWidth="1"/>
    <col min="10769" max="10769" width="5.77734375" style="546" customWidth="1"/>
    <col min="10770" max="11008" width="9" style="546"/>
    <col min="11009" max="11009" width="12.44140625" style="546" customWidth="1"/>
    <col min="11010" max="11014" width="4.6640625" style="546" customWidth="1"/>
    <col min="11015" max="11015" width="15" style="546" customWidth="1"/>
    <col min="11016" max="11018" width="11.88671875" style="546" customWidth="1"/>
    <col min="11019" max="11019" width="5" style="546" customWidth="1"/>
    <col min="11020" max="11020" width="13.77734375" style="546" customWidth="1"/>
    <col min="11021" max="11021" width="5" style="546" customWidth="1"/>
    <col min="11022" max="11023" width="13.77734375" style="546" customWidth="1"/>
    <col min="11024" max="11024" width="11" style="546" customWidth="1"/>
    <col min="11025" max="11025" width="5.77734375" style="546" customWidth="1"/>
    <col min="11026" max="11264" width="9" style="546"/>
    <col min="11265" max="11265" width="12.44140625" style="546" customWidth="1"/>
    <col min="11266" max="11270" width="4.6640625" style="546" customWidth="1"/>
    <col min="11271" max="11271" width="15" style="546" customWidth="1"/>
    <col min="11272" max="11274" width="11.88671875" style="546" customWidth="1"/>
    <col min="11275" max="11275" width="5" style="546" customWidth="1"/>
    <col min="11276" max="11276" width="13.77734375" style="546" customWidth="1"/>
    <col min="11277" max="11277" width="5" style="546" customWidth="1"/>
    <col min="11278" max="11279" width="13.77734375" style="546" customWidth="1"/>
    <col min="11280" max="11280" width="11" style="546" customWidth="1"/>
    <col min="11281" max="11281" width="5.77734375" style="546" customWidth="1"/>
    <col min="11282" max="11520" width="9" style="546"/>
    <col min="11521" max="11521" width="12.44140625" style="546" customWidth="1"/>
    <col min="11522" max="11526" width="4.6640625" style="546" customWidth="1"/>
    <col min="11527" max="11527" width="15" style="546" customWidth="1"/>
    <col min="11528" max="11530" width="11.88671875" style="546" customWidth="1"/>
    <col min="11531" max="11531" width="5" style="546" customWidth="1"/>
    <col min="11532" max="11532" width="13.77734375" style="546" customWidth="1"/>
    <col min="11533" max="11533" width="5" style="546" customWidth="1"/>
    <col min="11534" max="11535" width="13.77734375" style="546" customWidth="1"/>
    <col min="11536" max="11536" width="11" style="546" customWidth="1"/>
    <col min="11537" max="11537" width="5.77734375" style="546" customWidth="1"/>
    <col min="11538" max="11776" width="9" style="546"/>
    <col min="11777" max="11777" width="12.44140625" style="546" customWidth="1"/>
    <col min="11778" max="11782" width="4.6640625" style="546" customWidth="1"/>
    <col min="11783" max="11783" width="15" style="546" customWidth="1"/>
    <col min="11784" max="11786" width="11.88671875" style="546" customWidth="1"/>
    <col min="11787" max="11787" width="5" style="546" customWidth="1"/>
    <col min="11788" max="11788" width="13.77734375" style="546" customWidth="1"/>
    <col min="11789" max="11789" width="5" style="546" customWidth="1"/>
    <col min="11790" max="11791" width="13.77734375" style="546" customWidth="1"/>
    <col min="11792" max="11792" width="11" style="546" customWidth="1"/>
    <col min="11793" max="11793" width="5.77734375" style="546" customWidth="1"/>
    <col min="11794" max="12032" width="9" style="546"/>
    <col min="12033" max="12033" width="12.44140625" style="546" customWidth="1"/>
    <col min="12034" max="12038" width="4.6640625" style="546" customWidth="1"/>
    <col min="12039" max="12039" width="15" style="546" customWidth="1"/>
    <col min="12040" max="12042" width="11.88671875" style="546" customWidth="1"/>
    <col min="12043" max="12043" width="5" style="546" customWidth="1"/>
    <col min="12044" max="12044" width="13.77734375" style="546" customWidth="1"/>
    <col min="12045" max="12045" width="5" style="546" customWidth="1"/>
    <col min="12046" max="12047" width="13.77734375" style="546" customWidth="1"/>
    <col min="12048" max="12048" width="11" style="546" customWidth="1"/>
    <col min="12049" max="12049" width="5.77734375" style="546" customWidth="1"/>
    <col min="12050" max="12288" width="9" style="546"/>
    <col min="12289" max="12289" width="12.44140625" style="546" customWidth="1"/>
    <col min="12290" max="12294" width="4.6640625" style="546" customWidth="1"/>
    <col min="12295" max="12295" width="15" style="546" customWidth="1"/>
    <col min="12296" max="12298" width="11.88671875" style="546" customWidth="1"/>
    <col min="12299" max="12299" width="5" style="546" customWidth="1"/>
    <col min="12300" max="12300" width="13.77734375" style="546" customWidth="1"/>
    <col min="12301" max="12301" width="5" style="546" customWidth="1"/>
    <col min="12302" max="12303" width="13.77734375" style="546" customWidth="1"/>
    <col min="12304" max="12304" width="11" style="546" customWidth="1"/>
    <col min="12305" max="12305" width="5.77734375" style="546" customWidth="1"/>
    <col min="12306" max="12544" width="9" style="546"/>
    <col min="12545" max="12545" width="12.44140625" style="546" customWidth="1"/>
    <col min="12546" max="12550" width="4.6640625" style="546" customWidth="1"/>
    <col min="12551" max="12551" width="15" style="546" customWidth="1"/>
    <col min="12552" max="12554" width="11.88671875" style="546" customWidth="1"/>
    <col min="12555" max="12555" width="5" style="546" customWidth="1"/>
    <col min="12556" max="12556" width="13.77734375" style="546" customWidth="1"/>
    <col min="12557" max="12557" width="5" style="546" customWidth="1"/>
    <col min="12558" max="12559" width="13.77734375" style="546" customWidth="1"/>
    <col min="12560" max="12560" width="11" style="546" customWidth="1"/>
    <col min="12561" max="12561" width="5.77734375" style="546" customWidth="1"/>
    <col min="12562" max="12800" width="9" style="546"/>
    <col min="12801" max="12801" width="12.44140625" style="546" customWidth="1"/>
    <col min="12802" max="12806" width="4.6640625" style="546" customWidth="1"/>
    <col min="12807" max="12807" width="15" style="546" customWidth="1"/>
    <col min="12808" max="12810" width="11.88671875" style="546" customWidth="1"/>
    <col min="12811" max="12811" width="5" style="546" customWidth="1"/>
    <col min="12812" max="12812" width="13.77734375" style="546" customWidth="1"/>
    <col min="12813" max="12813" width="5" style="546" customWidth="1"/>
    <col min="12814" max="12815" width="13.77734375" style="546" customWidth="1"/>
    <col min="12816" max="12816" width="11" style="546" customWidth="1"/>
    <col min="12817" max="12817" width="5.77734375" style="546" customWidth="1"/>
    <col min="12818" max="13056" width="9" style="546"/>
    <col min="13057" max="13057" width="12.44140625" style="546" customWidth="1"/>
    <col min="13058" max="13062" width="4.6640625" style="546" customWidth="1"/>
    <col min="13063" max="13063" width="15" style="546" customWidth="1"/>
    <col min="13064" max="13066" width="11.88671875" style="546" customWidth="1"/>
    <col min="13067" max="13067" width="5" style="546" customWidth="1"/>
    <col min="13068" max="13068" width="13.77734375" style="546" customWidth="1"/>
    <col min="13069" max="13069" width="5" style="546" customWidth="1"/>
    <col min="13070" max="13071" width="13.77734375" style="546" customWidth="1"/>
    <col min="13072" max="13072" width="11" style="546" customWidth="1"/>
    <col min="13073" max="13073" width="5.77734375" style="546" customWidth="1"/>
    <col min="13074" max="13312" width="9" style="546"/>
    <col min="13313" max="13313" width="12.44140625" style="546" customWidth="1"/>
    <col min="13314" max="13318" width="4.6640625" style="546" customWidth="1"/>
    <col min="13319" max="13319" width="15" style="546" customWidth="1"/>
    <col min="13320" max="13322" width="11.88671875" style="546" customWidth="1"/>
    <col min="13323" max="13323" width="5" style="546" customWidth="1"/>
    <col min="13324" max="13324" width="13.77734375" style="546" customWidth="1"/>
    <col min="13325" max="13325" width="5" style="546" customWidth="1"/>
    <col min="13326" max="13327" width="13.77734375" style="546" customWidth="1"/>
    <col min="13328" max="13328" width="11" style="546" customWidth="1"/>
    <col min="13329" max="13329" width="5.77734375" style="546" customWidth="1"/>
    <col min="13330" max="13568" width="9" style="546"/>
    <col min="13569" max="13569" width="12.44140625" style="546" customWidth="1"/>
    <col min="13570" max="13574" width="4.6640625" style="546" customWidth="1"/>
    <col min="13575" max="13575" width="15" style="546" customWidth="1"/>
    <col min="13576" max="13578" width="11.88671875" style="546" customWidth="1"/>
    <col min="13579" max="13579" width="5" style="546" customWidth="1"/>
    <col min="13580" max="13580" width="13.77734375" style="546" customWidth="1"/>
    <col min="13581" max="13581" width="5" style="546" customWidth="1"/>
    <col min="13582" max="13583" width="13.77734375" style="546" customWidth="1"/>
    <col min="13584" max="13584" width="11" style="546" customWidth="1"/>
    <col min="13585" max="13585" width="5.77734375" style="546" customWidth="1"/>
    <col min="13586" max="13824" width="9" style="546"/>
    <col min="13825" max="13825" width="12.44140625" style="546" customWidth="1"/>
    <col min="13826" max="13830" width="4.6640625" style="546" customWidth="1"/>
    <col min="13831" max="13831" width="15" style="546" customWidth="1"/>
    <col min="13832" max="13834" width="11.88671875" style="546" customWidth="1"/>
    <col min="13835" max="13835" width="5" style="546" customWidth="1"/>
    <col min="13836" max="13836" width="13.77734375" style="546" customWidth="1"/>
    <col min="13837" max="13837" width="5" style="546" customWidth="1"/>
    <col min="13838" max="13839" width="13.77734375" style="546" customWidth="1"/>
    <col min="13840" max="13840" width="11" style="546" customWidth="1"/>
    <col min="13841" max="13841" width="5.77734375" style="546" customWidth="1"/>
    <col min="13842" max="14080" width="9" style="546"/>
    <col min="14081" max="14081" width="12.44140625" style="546" customWidth="1"/>
    <col min="14082" max="14086" width="4.6640625" style="546" customWidth="1"/>
    <col min="14087" max="14087" width="15" style="546" customWidth="1"/>
    <col min="14088" max="14090" width="11.88671875" style="546" customWidth="1"/>
    <col min="14091" max="14091" width="5" style="546" customWidth="1"/>
    <col min="14092" max="14092" width="13.77734375" style="546" customWidth="1"/>
    <col min="14093" max="14093" width="5" style="546" customWidth="1"/>
    <col min="14094" max="14095" width="13.77734375" style="546" customWidth="1"/>
    <col min="14096" max="14096" width="11" style="546" customWidth="1"/>
    <col min="14097" max="14097" width="5.77734375" style="546" customWidth="1"/>
    <col min="14098" max="14336" width="9" style="546"/>
    <col min="14337" max="14337" width="12.44140625" style="546" customWidth="1"/>
    <col min="14338" max="14342" width="4.6640625" style="546" customWidth="1"/>
    <col min="14343" max="14343" width="15" style="546" customWidth="1"/>
    <col min="14344" max="14346" width="11.88671875" style="546" customWidth="1"/>
    <col min="14347" max="14347" width="5" style="546" customWidth="1"/>
    <col min="14348" max="14348" width="13.77734375" style="546" customWidth="1"/>
    <col min="14349" max="14349" width="5" style="546" customWidth="1"/>
    <col min="14350" max="14351" width="13.77734375" style="546" customWidth="1"/>
    <col min="14352" max="14352" width="11" style="546" customWidth="1"/>
    <col min="14353" max="14353" width="5.77734375" style="546" customWidth="1"/>
    <col min="14354" max="14592" width="9" style="546"/>
    <col min="14593" max="14593" width="12.44140625" style="546" customWidth="1"/>
    <col min="14594" max="14598" width="4.6640625" style="546" customWidth="1"/>
    <col min="14599" max="14599" width="15" style="546" customWidth="1"/>
    <col min="14600" max="14602" width="11.88671875" style="546" customWidth="1"/>
    <col min="14603" max="14603" width="5" style="546" customWidth="1"/>
    <col min="14604" max="14604" width="13.77734375" style="546" customWidth="1"/>
    <col min="14605" max="14605" width="5" style="546" customWidth="1"/>
    <col min="14606" max="14607" width="13.77734375" style="546" customWidth="1"/>
    <col min="14608" max="14608" width="11" style="546" customWidth="1"/>
    <col min="14609" max="14609" width="5.77734375" style="546" customWidth="1"/>
    <col min="14610" max="14848" width="9" style="546"/>
    <col min="14849" max="14849" width="12.44140625" style="546" customWidth="1"/>
    <col min="14850" max="14854" width="4.6640625" style="546" customWidth="1"/>
    <col min="14855" max="14855" width="15" style="546" customWidth="1"/>
    <col min="14856" max="14858" width="11.88671875" style="546" customWidth="1"/>
    <col min="14859" max="14859" width="5" style="546" customWidth="1"/>
    <col min="14860" max="14860" width="13.77734375" style="546" customWidth="1"/>
    <col min="14861" max="14861" width="5" style="546" customWidth="1"/>
    <col min="14862" max="14863" width="13.77734375" style="546" customWidth="1"/>
    <col min="14864" max="14864" width="11" style="546" customWidth="1"/>
    <col min="14865" max="14865" width="5.77734375" style="546" customWidth="1"/>
    <col min="14866" max="15104" width="9" style="546"/>
    <col min="15105" max="15105" width="12.44140625" style="546" customWidth="1"/>
    <col min="15106" max="15110" width="4.6640625" style="546" customWidth="1"/>
    <col min="15111" max="15111" width="15" style="546" customWidth="1"/>
    <col min="15112" max="15114" width="11.88671875" style="546" customWidth="1"/>
    <col min="15115" max="15115" width="5" style="546" customWidth="1"/>
    <col min="15116" max="15116" width="13.77734375" style="546" customWidth="1"/>
    <col min="15117" max="15117" width="5" style="546" customWidth="1"/>
    <col min="15118" max="15119" width="13.77734375" style="546" customWidth="1"/>
    <col min="15120" max="15120" width="11" style="546" customWidth="1"/>
    <col min="15121" max="15121" width="5.77734375" style="546" customWidth="1"/>
    <col min="15122" max="15360" width="9" style="546"/>
    <col min="15361" max="15361" width="12.44140625" style="546" customWidth="1"/>
    <col min="15362" max="15366" width="4.6640625" style="546" customWidth="1"/>
    <col min="15367" max="15367" width="15" style="546" customWidth="1"/>
    <col min="15368" max="15370" width="11.88671875" style="546" customWidth="1"/>
    <col min="15371" max="15371" width="5" style="546" customWidth="1"/>
    <col min="15372" max="15372" width="13.77734375" style="546" customWidth="1"/>
    <col min="15373" max="15373" width="5" style="546" customWidth="1"/>
    <col min="15374" max="15375" width="13.77734375" style="546" customWidth="1"/>
    <col min="15376" max="15376" width="11" style="546" customWidth="1"/>
    <col min="15377" max="15377" width="5.77734375" style="546" customWidth="1"/>
    <col min="15378" max="15616" width="9" style="546"/>
    <col min="15617" max="15617" width="12.44140625" style="546" customWidth="1"/>
    <col min="15618" max="15622" width="4.6640625" style="546" customWidth="1"/>
    <col min="15623" max="15623" width="15" style="546" customWidth="1"/>
    <col min="15624" max="15626" width="11.88671875" style="546" customWidth="1"/>
    <col min="15627" max="15627" width="5" style="546" customWidth="1"/>
    <col min="15628" max="15628" width="13.77734375" style="546" customWidth="1"/>
    <col min="15629" max="15629" width="5" style="546" customWidth="1"/>
    <col min="15630" max="15631" width="13.77734375" style="546" customWidth="1"/>
    <col min="15632" max="15632" width="11" style="546" customWidth="1"/>
    <col min="15633" max="15633" width="5.77734375" style="546" customWidth="1"/>
    <col min="15634" max="15872" width="9" style="546"/>
    <col min="15873" max="15873" width="12.44140625" style="546" customWidth="1"/>
    <col min="15874" max="15878" width="4.6640625" style="546" customWidth="1"/>
    <col min="15879" max="15879" width="15" style="546" customWidth="1"/>
    <col min="15880" max="15882" width="11.88671875" style="546" customWidth="1"/>
    <col min="15883" max="15883" width="5" style="546" customWidth="1"/>
    <col min="15884" max="15884" width="13.77734375" style="546" customWidth="1"/>
    <col min="15885" max="15885" width="5" style="546" customWidth="1"/>
    <col min="15886" max="15887" width="13.77734375" style="546" customWidth="1"/>
    <col min="15888" max="15888" width="11" style="546" customWidth="1"/>
    <col min="15889" max="15889" width="5.77734375" style="546" customWidth="1"/>
    <col min="15890" max="16128" width="9" style="546"/>
    <col min="16129" max="16129" width="12.44140625" style="546" customWidth="1"/>
    <col min="16130" max="16134" width="4.6640625" style="546" customWidth="1"/>
    <col min="16135" max="16135" width="15" style="546" customWidth="1"/>
    <col min="16136" max="16138" width="11.88671875" style="546" customWidth="1"/>
    <col min="16139" max="16139" width="5" style="546" customWidth="1"/>
    <col min="16140" max="16140" width="13.77734375" style="546" customWidth="1"/>
    <col min="16141" max="16141" width="5" style="546" customWidth="1"/>
    <col min="16142" max="16143" width="13.77734375" style="546" customWidth="1"/>
    <col min="16144" max="16144" width="11" style="546" customWidth="1"/>
    <col min="16145" max="16145" width="5.77734375" style="546" customWidth="1"/>
    <col min="16146" max="16384" width="9" style="546"/>
  </cols>
  <sheetData>
    <row r="1" spans="1:17" ht="15" customHeight="1">
      <c r="A1" s="564" t="s">
        <v>1109</v>
      </c>
      <c r="B1" s="564"/>
      <c r="C1" s="564"/>
      <c r="D1" s="564"/>
      <c r="E1" s="564"/>
      <c r="F1" s="564"/>
      <c r="G1" s="564"/>
      <c r="H1" s="564"/>
      <c r="I1" s="564"/>
      <c r="J1" s="564"/>
      <c r="K1" s="564"/>
      <c r="L1" s="564"/>
      <c r="M1" s="564"/>
      <c r="N1" s="564"/>
      <c r="O1" s="564"/>
      <c r="P1" s="564"/>
      <c r="Q1" s="564"/>
    </row>
    <row r="2" spans="1:17" ht="15" customHeight="1" thickBot="1">
      <c r="A2" s="564" t="s">
        <v>264</v>
      </c>
      <c r="B2" s="564"/>
      <c r="C2" s="564"/>
      <c r="D2" s="564"/>
      <c r="E2" s="564"/>
      <c r="F2" s="564"/>
      <c r="G2" s="564"/>
      <c r="H2" s="564"/>
      <c r="I2" s="564"/>
      <c r="J2" s="564"/>
      <c r="K2" s="564"/>
      <c r="L2" s="564"/>
      <c r="M2" s="564"/>
      <c r="N2" s="564"/>
      <c r="O2" s="564"/>
      <c r="P2" s="564"/>
      <c r="Q2" s="564"/>
    </row>
    <row r="3" spans="1:17" ht="15" customHeight="1">
      <c r="A3" s="568"/>
      <c r="B3" s="208"/>
      <c r="C3" s="209" t="s">
        <v>265</v>
      </c>
      <c r="D3" s="209" t="s">
        <v>266</v>
      </c>
      <c r="E3" s="208"/>
      <c r="F3" s="208"/>
      <c r="G3" s="209" t="s">
        <v>267</v>
      </c>
      <c r="H3" s="1350" t="s">
        <v>268</v>
      </c>
      <c r="I3" s="1350"/>
      <c r="J3" s="1350"/>
      <c r="K3" s="1351" t="s">
        <v>269</v>
      </c>
      <c r="L3" s="1350"/>
      <c r="M3" s="1350"/>
      <c r="N3" s="1350"/>
      <c r="O3" s="1350"/>
      <c r="P3" s="210"/>
      <c r="Q3" s="570"/>
    </row>
    <row r="4" spans="1:17" ht="15" customHeight="1">
      <c r="A4" s="95" t="s">
        <v>270</v>
      </c>
      <c r="B4" s="96" t="s">
        <v>43</v>
      </c>
      <c r="C4" s="96" t="s">
        <v>216</v>
      </c>
      <c r="D4" s="96"/>
      <c r="E4" s="96" t="s">
        <v>271</v>
      </c>
      <c r="F4" s="96" t="s">
        <v>272</v>
      </c>
      <c r="G4" s="96" t="s">
        <v>273</v>
      </c>
      <c r="H4" s="577" t="s">
        <v>274</v>
      </c>
      <c r="I4" s="577" t="s">
        <v>275</v>
      </c>
      <c r="J4" s="577" t="s">
        <v>211</v>
      </c>
      <c r="K4" s="1352" t="s">
        <v>1079</v>
      </c>
      <c r="L4" s="887"/>
      <c r="M4" s="1352" t="s">
        <v>1080</v>
      </c>
      <c r="N4" s="1353"/>
      <c r="O4" s="211" t="s">
        <v>1081</v>
      </c>
      <c r="P4" s="1345" t="s">
        <v>276</v>
      </c>
      <c r="Q4" s="1346"/>
    </row>
    <row r="5" spans="1:17" ht="15" customHeight="1">
      <c r="A5" s="97"/>
      <c r="B5" s="580"/>
      <c r="C5" s="212" t="s">
        <v>277</v>
      </c>
      <c r="D5" s="212" t="s">
        <v>278</v>
      </c>
      <c r="E5" s="580"/>
      <c r="F5" s="580"/>
      <c r="G5" s="212" t="s">
        <v>279</v>
      </c>
      <c r="H5" s="212" t="s">
        <v>280</v>
      </c>
      <c r="I5" s="212" t="s">
        <v>281</v>
      </c>
      <c r="J5" s="580"/>
      <c r="K5" s="537" t="s">
        <v>282</v>
      </c>
      <c r="L5" s="537" t="s">
        <v>283</v>
      </c>
      <c r="M5" s="537" t="s">
        <v>282</v>
      </c>
      <c r="N5" s="537" t="s">
        <v>283</v>
      </c>
      <c r="O5" s="560" t="s">
        <v>284</v>
      </c>
      <c r="P5" s="992" t="s">
        <v>285</v>
      </c>
      <c r="Q5" s="1347"/>
    </row>
    <row r="6" spans="1:17" ht="15" customHeight="1">
      <c r="A6" s="562" t="s">
        <v>212</v>
      </c>
      <c r="B6" s="579"/>
      <c r="C6" s="579"/>
      <c r="D6" s="579"/>
      <c r="E6" s="579"/>
      <c r="F6" s="579"/>
      <c r="G6" s="579"/>
      <c r="H6" s="579"/>
      <c r="I6" s="579"/>
      <c r="J6" s="579"/>
      <c r="K6" s="579"/>
      <c r="L6" s="579"/>
      <c r="M6" s="579"/>
      <c r="N6" s="579"/>
      <c r="O6" s="105"/>
      <c r="P6" s="105"/>
      <c r="Q6" s="106"/>
    </row>
    <row r="7" spans="1:17" ht="15" customHeight="1">
      <c r="A7" s="97"/>
      <c r="B7" s="580"/>
      <c r="C7" s="580"/>
      <c r="D7" s="580"/>
      <c r="E7" s="580"/>
      <c r="F7" s="580"/>
      <c r="G7" s="580"/>
      <c r="H7" s="580"/>
      <c r="I7" s="580"/>
      <c r="J7" s="580"/>
      <c r="K7" s="580"/>
      <c r="L7" s="580"/>
      <c r="M7" s="580"/>
      <c r="N7" s="580"/>
      <c r="O7" s="558"/>
      <c r="P7" s="558"/>
      <c r="Q7" s="559"/>
    </row>
    <row r="8" spans="1:17" ht="15" customHeight="1">
      <c r="A8" s="562" t="s">
        <v>286</v>
      </c>
      <c r="B8" s="579"/>
      <c r="C8" s="579"/>
      <c r="D8" s="579"/>
      <c r="E8" s="579"/>
      <c r="F8" s="579"/>
      <c r="G8" s="579"/>
      <c r="H8" s="579"/>
      <c r="I8" s="579"/>
      <c r="J8" s="579"/>
      <c r="K8" s="579"/>
      <c r="L8" s="579"/>
      <c r="M8" s="579"/>
      <c r="N8" s="579"/>
      <c r="O8" s="105"/>
      <c r="P8" s="105"/>
      <c r="Q8" s="106"/>
    </row>
    <row r="9" spans="1:17" ht="15" customHeight="1">
      <c r="A9" s="97"/>
      <c r="B9" s="580"/>
      <c r="C9" s="580"/>
      <c r="D9" s="580"/>
      <c r="E9" s="580"/>
      <c r="F9" s="580"/>
      <c r="G9" s="580"/>
      <c r="H9" s="580"/>
      <c r="I9" s="580"/>
      <c r="J9" s="580"/>
      <c r="K9" s="580"/>
      <c r="L9" s="580"/>
      <c r="M9" s="580"/>
      <c r="N9" s="580"/>
      <c r="O9" s="558"/>
      <c r="P9" s="558"/>
      <c r="Q9" s="559"/>
    </row>
    <row r="10" spans="1:17" ht="15" customHeight="1">
      <c r="A10" s="1354" t="s">
        <v>287</v>
      </c>
      <c r="B10" s="579"/>
      <c r="C10" s="579"/>
      <c r="D10" s="579"/>
      <c r="E10" s="579"/>
      <c r="F10" s="579"/>
      <c r="G10" s="579"/>
      <c r="H10" s="579"/>
      <c r="I10" s="579"/>
      <c r="J10" s="579"/>
      <c r="K10" s="579"/>
      <c r="L10" s="579"/>
      <c r="M10" s="579"/>
      <c r="N10" s="579"/>
      <c r="O10" s="105"/>
      <c r="P10" s="105"/>
      <c r="Q10" s="106"/>
    </row>
    <row r="11" spans="1:17" ht="15" customHeight="1">
      <c r="A11" s="1355"/>
      <c r="B11" s="580"/>
      <c r="C11" s="580"/>
      <c r="D11" s="580"/>
      <c r="E11" s="580"/>
      <c r="F11" s="580"/>
      <c r="G11" s="580"/>
      <c r="H11" s="580"/>
      <c r="I11" s="580"/>
      <c r="J11" s="580"/>
      <c r="K11" s="580"/>
      <c r="L11" s="580"/>
      <c r="M11" s="580"/>
      <c r="N11" s="580"/>
      <c r="O11" s="558"/>
      <c r="P11" s="558"/>
      <c r="Q11" s="559"/>
    </row>
    <row r="12" spans="1:17" ht="15" customHeight="1">
      <c r="A12" s="562" t="s">
        <v>288</v>
      </c>
      <c r="B12" s="579"/>
      <c r="C12" s="579"/>
      <c r="D12" s="579"/>
      <c r="E12" s="579"/>
      <c r="F12" s="579"/>
      <c r="G12" s="579"/>
      <c r="H12" s="579"/>
      <c r="I12" s="579"/>
      <c r="J12" s="579"/>
      <c r="K12" s="579"/>
      <c r="L12" s="579"/>
      <c r="M12" s="579"/>
      <c r="N12" s="579"/>
      <c r="O12" s="105"/>
      <c r="P12" s="105"/>
      <c r="Q12" s="106"/>
    </row>
    <row r="13" spans="1:17" ht="15" customHeight="1">
      <c r="A13" s="97"/>
      <c r="B13" s="580"/>
      <c r="C13" s="580"/>
      <c r="D13" s="580"/>
      <c r="E13" s="580"/>
      <c r="F13" s="580"/>
      <c r="G13" s="580"/>
      <c r="H13" s="580"/>
      <c r="I13" s="580"/>
      <c r="J13" s="580"/>
      <c r="K13" s="580"/>
      <c r="L13" s="580"/>
      <c r="M13" s="580"/>
      <c r="N13" s="580"/>
      <c r="O13" s="558"/>
      <c r="P13" s="558"/>
      <c r="Q13" s="559"/>
    </row>
    <row r="14" spans="1:17" ht="15" customHeight="1">
      <c r="A14" s="118" t="s">
        <v>214</v>
      </c>
      <c r="B14" s="213"/>
      <c r="C14" s="213"/>
      <c r="D14" s="213"/>
      <c r="E14" s="213"/>
      <c r="F14" s="213"/>
      <c r="G14" s="213"/>
      <c r="H14" s="213"/>
      <c r="I14" s="213"/>
      <c r="J14" s="213"/>
      <c r="K14" s="213"/>
      <c r="L14" s="213"/>
      <c r="M14" s="213"/>
      <c r="N14" s="213"/>
      <c r="O14" s="555"/>
      <c r="P14" s="555"/>
      <c r="Q14" s="556"/>
    </row>
    <row r="15" spans="1:17" ht="15" customHeight="1">
      <c r="A15" s="97"/>
      <c r="B15" s="580"/>
      <c r="C15" s="580"/>
      <c r="D15" s="580"/>
      <c r="E15" s="580"/>
      <c r="F15" s="580"/>
      <c r="G15" s="580"/>
      <c r="H15" s="580"/>
      <c r="I15" s="580"/>
      <c r="J15" s="580"/>
      <c r="K15" s="580"/>
      <c r="L15" s="580"/>
      <c r="M15" s="580"/>
      <c r="N15" s="580"/>
      <c r="O15" s="558"/>
      <c r="P15" s="558"/>
      <c r="Q15" s="559"/>
    </row>
    <row r="16" spans="1:17" ht="15" customHeight="1">
      <c r="A16" s="562" t="s">
        <v>213</v>
      </c>
      <c r="B16" s="579"/>
      <c r="C16" s="579"/>
      <c r="D16" s="579"/>
      <c r="E16" s="579"/>
      <c r="F16" s="579"/>
      <c r="G16" s="579"/>
      <c r="H16" s="579"/>
      <c r="I16" s="579"/>
      <c r="J16" s="579"/>
      <c r="K16" s="579"/>
      <c r="L16" s="579"/>
      <c r="M16" s="579"/>
      <c r="N16" s="579"/>
      <c r="O16" s="105"/>
      <c r="P16" s="105"/>
      <c r="Q16" s="106"/>
    </row>
    <row r="17" spans="1:17" ht="15" customHeight="1" thickBot="1">
      <c r="A17" s="214"/>
      <c r="B17" s="215"/>
      <c r="C17" s="215"/>
      <c r="D17" s="215"/>
      <c r="E17" s="215"/>
      <c r="F17" s="215"/>
      <c r="G17" s="215"/>
      <c r="H17" s="215"/>
      <c r="I17" s="215"/>
      <c r="J17" s="215"/>
      <c r="K17" s="215"/>
      <c r="L17" s="215"/>
      <c r="M17" s="215"/>
      <c r="N17" s="215"/>
      <c r="O17" s="216"/>
      <c r="P17" s="216"/>
      <c r="Q17" s="217"/>
    </row>
    <row r="18" spans="1:17" ht="15" customHeight="1" thickTop="1">
      <c r="A18" s="118" t="s">
        <v>1082</v>
      </c>
      <c r="B18" s="213"/>
      <c r="C18" s="213"/>
      <c r="D18" s="213"/>
      <c r="E18" s="213"/>
      <c r="F18" s="213"/>
      <c r="G18" s="213"/>
      <c r="H18" s="213"/>
      <c r="I18" s="213"/>
      <c r="J18" s="213"/>
      <c r="K18" s="213"/>
      <c r="L18" s="213"/>
      <c r="M18" s="213"/>
      <c r="N18" s="213"/>
      <c r="O18" s="555"/>
      <c r="P18" s="555"/>
      <c r="Q18" s="556"/>
    </row>
    <row r="19" spans="1:17" ht="15" customHeight="1">
      <c r="A19" s="562"/>
      <c r="B19" s="579"/>
      <c r="C19" s="579"/>
      <c r="D19" s="579"/>
      <c r="E19" s="579"/>
      <c r="F19" s="579"/>
      <c r="G19" s="579"/>
      <c r="H19" s="579"/>
      <c r="I19" s="579"/>
      <c r="J19" s="579"/>
      <c r="K19" s="579"/>
      <c r="L19" s="579"/>
      <c r="M19" s="579"/>
      <c r="N19" s="579"/>
      <c r="O19" s="105"/>
      <c r="P19" s="105"/>
      <c r="Q19" s="106"/>
    </row>
    <row r="20" spans="1:17" ht="15" customHeight="1">
      <c r="A20" s="97"/>
      <c r="B20" s="580"/>
      <c r="C20" s="580"/>
      <c r="D20" s="580"/>
      <c r="E20" s="580"/>
      <c r="F20" s="580"/>
      <c r="G20" s="580"/>
      <c r="H20" s="580"/>
      <c r="I20" s="580"/>
      <c r="J20" s="580"/>
      <c r="K20" s="580"/>
      <c r="L20" s="580"/>
      <c r="M20" s="580"/>
      <c r="N20" s="580"/>
      <c r="O20" s="558"/>
      <c r="P20" s="558"/>
      <c r="Q20" s="559"/>
    </row>
    <row r="21" spans="1:17" ht="15" customHeight="1">
      <c r="A21" s="562"/>
      <c r="B21" s="579"/>
      <c r="C21" s="579"/>
      <c r="D21" s="579"/>
      <c r="E21" s="579"/>
      <c r="F21" s="579"/>
      <c r="G21" s="579"/>
      <c r="H21" s="579"/>
      <c r="I21" s="579"/>
      <c r="J21" s="579"/>
      <c r="K21" s="579"/>
      <c r="L21" s="579"/>
      <c r="M21" s="579"/>
      <c r="N21" s="579"/>
      <c r="O21" s="105"/>
      <c r="P21" s="105"/>
      <c r="Q21" s="106"/>
    </row>
    <row r="22" spans="1:17" ht="15" customHeight="1">
      <c r="A22" s="97"/>
      <c r="B22" s="580"/>
      <c r="C22" s="580"/>
      <c r="D22" s="580"/>
      <c r="E22" s="580"/>
      <c r="F22" s="580"/>
      <c r="G22" s="580"/>
      <c r="H22" s="580"/>
      <c r="I22" s="580"/>
      <c r="J22" s="580"/>
      <c r="K22" s="580"/>
      <c r="L22" s="580"/>
      <c r="M22" s="580"/>
      <c r="N22" s="580"/>
      <c r="O22" s="558"/>
      <c r="P22" s="558"/>
      <c r="Q22" s="559"/>
    </row>
    <row r="23" spans="1:17" ht="15" customHeight="1">
      <c r="A23" s="562"/>
      <c r="B23" s="579"/>
      <c r="C23" s="579"/>
      <c r="D23" s="579"/>
      <c r="E23" s="579"/>
      <c r="F23" s="579"/>
      <c r="G23" s="579"/>
      <c r="H23" s="579"/>
      <c r="I23" s="579"/>
      <c r="J23" s="579"/>
      <c r="K23" s="579"/>
      <c r="L23" s="579"/>
      <c r="M23" s="579"/>
      <c r="N23" s="579"/>
      <c r="O23" s="105"/>
      <c r="P23" s="105"/>
      <c r="Q23" s="106"/>
    </row>
    <row r="24" spans="1:17" ht="15" customHeight="1" thickBot="1">
      <c r="A24" s="108"/>
      <c r="B24" s="110"/>
      <c r="C24" s="110"/>
      <c r="D24" s="110"/>
      <c r="E24" s="110"/>
      <c r="F24" s="110"/>
      <c r="G24" s="110"/>
      <c r="H24" s="110"/>
      <c r="I24" s="110"/>
      <c r="J24" s="110"/>
      <c r="K24" s="110"/>
      <c r="L24" s="110"/>
      <c r="M24" s="110"/>
      <c r="N24" s="110"/>
      <c r="O24" s="111"/>
      <c r="P24" s="111"/>
      <c r="Q24" s="113"/>
    </row>
    <row r="25" spans="1:17" ht="15" customHeight="1">
      <c r="A25" s="564"/>
      <c r="B25" s="564"/>
      <c r="C25" s="564"/>
      <c r="D25" s="564"/>
      <c r="E25" s="564"/>
      <c r="F25" s="564"/>
      <c r="G25" s="564"/>
      <c r="H25" s="564"/>
      <c r="I25" s="564"/>
      <c r="J25" s="564"/>
      <c r="K25" s="564"/>
      <c r="L25" s="564"/>
      <c r="M25" s="564"/>
      <c r="N25" s="564"/>
      <c r="O25" s="564"/>
      <c r="P25" s="564"/>
      <c r="Q25" s="564"/>
    </row>
    <row r="26" spans="1:17" ht="15" customHeight="1">
      <c r="A26" s="1348" t="s">
        <v>933</v>
      </c>
      <c r="B26" s="1348"/>
      <c r="C26" s="1348"/>
      <c r="D26" s="1348"/>
      <c r="E26" s="1348"/>
      <c r="F26" s="1348"/>
      <c r="G26" s="1348"/>
      <c r="H26" s="1349"/>
      <c r="I26" s="564"/>
      <c r="J26" s="564"/>
      <c r="K26" s="564"/>
      <c r="L26" s="564"/>
      <c r="M26" s="564"/>
      <c r="N26" s="564"/>
      <c r="O26" s="564"/>
      <c r="P26" s="564"/>
      <c r="Q26" s="564"/>
    </row>
    <row r="27" spans="1:17" ht="15" customHeight="1">
      <c r="A27" s="1348" t="s">
        <v>289</v>
      </c>
      <c r="B27" s="1348"/>
      <c r="C27" s="1348"/>
      <c r="D27" s="1348"/>
      <c r="E27" s="1348"/>
      <c r="F27" s="1348"/>
      <c r="G27" s="1348"/>
      <c r="H27" s="1356"/>
      <c r="I27" s="564"/>
      <c r="J27" s="564"/>
      <c r="K27" s="564"/>
      <c r="L27" s="564"/>
      <c r="M27" s="564"/>
      <c r="N27" s="564"/>
      <c r="O27" s="564"/>
      <c r="P27" s="564"/>
      <c r="Q27" s="564"/>
    </row>
    <row r="28" spans="1:17" ht="15" customHeight="1">
      <c r="A28" s="1348" t="s">
        <v>290</v>
      </c>
      <c r="B28" s="1348"/>
      <c r="C28" s="1348"/>
      <c r="D28" s="1348"/>
      <c r="E28" s="1348"/>
      <c r="F28" s="1348"/>
      <c r="G28" s="1348"/>
      <c r="H28" s="1348"/>
      <c r="I28" s="564"/>
      <c r="J28" s="564"/>
      <c r="K28" s="564"/>
      <c r="L28" s="564"/>
      <c r="M28" s="564"/>
      <c r="N28" s="564"/>
      <c r="O28" s="564"/>
      <c r="P28" s="564"/>
      <c r="Q28" s="564"/>
    </row>
    <row r="29" spans="1:17" ht="15" customHeight="1">
      <c r="A29" s="1348" t="s">
        <v>291</v>
      </c>
      <c r="B29" s="1348"/>
      <c r="C29" s="1348"/>
      <c r="D29" s="1348"/>
      <c r="E29" s="1348"/>
      <c r="F29" s="1348"/>
      <c r="G29" s="1348"/>
      <c r="H29" s="1348"/>
      <c r="I29" s="564"/>
      <c r="J29" s="564"/>
      <c r="K29" s="564"/>
      <c r="L29" s="564"/>
      <c r="M29" s="564"/>
      <c r="N29" s="564"/>
      <c r="O29" s="564"/>
      <c r="P29" s="564"/>
      <c r="Q29" s="564"/>
    </row>
    <row r="30" spans="1:17" ht="15" customHeight="1">
      <c r="A30" s="1348" t="s">
        <v>292</v>
      </c>
      <c r="B30" s="1348"/>
      <c r="C30" s="1348"/>
      <c r="D30" s="1348"/>
      <c r="E30" s="1348"/>
      <c r="F30" s="1348"/>
      <c r="G30" s="1348"/>
      <c r="H30" s="1348"/>
      <c r="I30" s="1348"/>
      <c r="J30" s="1348"/>
      <c r="K30" s="1348"/>
      <c r="L30" s="1348"/>
      <c r="M30" s="1348"/>
      <c r="N30" s="1349"/>
      <c r="O30" s="564"/>
      <c r="P30" s="564"/>
      <c r="Q30" s="564"/>
    </row>
    <row r="31" spans="1:17" ht="15" customHeight="1">
      <c r="A31" s="1348" t="s">
        <v>293</v>
      </c>
      <c r="B31" s="1348"/>
      <c r="C31" s="1348"/>
      <c r="D31" s="1348"/>
      <c r="E31" s="1348"/>
      <c r="F31" s="1348"/>
      <c r="G31" s="1348"/>
      <c r="H31" s="1348"/>
      <c r="I31" s="1348"/>
      <c r="J31" s="1348"/>
      <c r="K31" s="1348"/>
      <c r="L31" s="1348"/>
      <c r="M31" s="1349"/>
      <c r="N31" s="1349"/>
      <c r="O31" s="564"/>
      <c r="P31" s="564"/>
      <c r="Q31" s="564"/>
    </row>
    <row r="32" spans="1:17" ht="15" customHeight="1">
      <c r="A32" s="1348" t="s">
        <v>1077</v>
      </c>
      <c r="B32" s="1348"/>
      <c r="C32" s="1348"/>
      <c r="D32" s="1348"/>
      <c r="E32" s="1348"/>
      <c r="F32" s="1348"/>
      <c r="G32" s="1348"/>
      <c r="H32" s="1348"/>
      <c r="I32" s="1348"/>
      <c r="J32" s="564"/>
      <c r="K32" s="564"/>
      <c r="L32" s="564"/>
      <c r="M32" s="564"/>
      <c r="N32" s="564"/>
      <c r="O32" s="564"/>
      <c r="P32" s="564"/>
      <c r="Q32" s="564"/>
    </row>
    <row r="33" spans="1:30" s="551" customFormat="1" ht="15" customHeight="1">
      <c r="A33" s="532" t="s">
        <v>1102</v>
      </c>
      <c r="B33" s="532"/>
      <c r="C33" s="532"/>
      <c r="D33" s="532"/>
      <c r="E33" s="532"/>
      <c r="F33" s="532"/>
      <c r="G33" s="532"/>
      <c r="H33" s="532"/>
      <c r="I33" s="532"/>
      <c r="J33" s="532"/>
      <c r="K33" s="532"/>
      <c r="L33" s="532"/>
      <c r="M33" s="532"/>
      <c r="N33" s="532"/>
      <c r="O33" s="532"/>
      <c r="P33" s="532"/>
      <c r="Q33" s="532"/>
      <c r="R33" s="532"/>
      <c r="S33" s="532"/>
      <c r="T33" s="532"/>
      <c r="U33" s="532"/>
      <c r="V33" s="532"/>
      <c r="W33" s="532"/>
      <c r="X33" s="532"/>
      <c r="Y33" s="532"/>
      <c r="Z33" s="532"/>
      <c r="AA33" s="532"/>
      <c r="AB33" s="532"/>
      <c r="AC33" s="532"/>
      <c r="AD33" s="532"/>
    </row>
    <row r="34" spans="1:30" ht="15" customHeight="1" thickBot="1">
      <c r="A34" s="564" t="s">
        <v>294</v>
      </c>
      <c r="B34" s="564"/>
      <c r="C34" s="564"/>
      <c r="D34" s="564"/>
      <c r="E34" s="564"/>
      <c r="F34" s="564"/>
      <c r="G34" s="564"/>
      <c r="H34" s="564"/>
      <c r="I34" s="564"/>
      <c r="J34" s="564"/>
      <c r="K34" s="1359" t="s">
        <v>1078</v>
      </c>
      <c r="L34" s="1360"/>
      <c r="M34" s="1360"/>
      <c r="N34" s="1360"/>
      <c r="Q34" s="564"/>
    </row>
    <row r="35" spans="1:30" ht="25.5" customHeight="1" thickBot="1">
      <c r="A35" s="218" t="s">
        <v>295</v>
      </c>
      <c r="B35" s="902"/>
      <c r="C35" s="903"/>
      <c r="D35" s="903"/>
      <c r="E35" s="686" t="s">
        <v>934</v>
      </c>
      <c r="F35" s="1361" t="s">
        <v>297</v>
      </c>
      <c r="G35" s="903"/>
      <c r="H35" s="1362" t="s">
        <v>296</v>
      </c>
      <c r="I35" s="1363"/>
      <c r="J35" s="78"/>
      <c r="K35" s="536"/>
      <c r="L35" s="687"/>
      <c r="M35" s="688"/>
      <c r="N35" s="578"/>
      <c r="Q35" s="564"/>
    </row>
    <row r="36" spans="1:30" ht="26.25" customHeight="1">
      <c r="A36" s="219" t="s">
        <v>298</v>
      </c>
      <c r="B36" s="1352"/>
      <c r="C36" s="887"/>
      <c r="D36" s="887"/>
      <c r="E36" s="648" t="s">
        <v>935</v>
      </c>
      <c r="F36" s="896" t="s">
        <v>300</v>
      </c>
      <c r="G36" s="906"/>
      <c r="H36" s="1364" t="s">
        <v>299</v>
      </c>
      <c r="I36" s="1321"/>
      <c r="J36" s="78"/>
      <c r="K36" s="78"/>
      <c r="L36" s="536"/>
      <c r="M36" s="536"/>
      <c r="N36" s="536"/>
      <c r="O36" s="536"/>
      <c r="Q36" s="564"/>
    </row>
    <row r="37" spans="1:30" ht="26.25" customHeight="1" thickBot="1">
      <c r="A37" s="220" t="s">
        <v>301</v>
      </c>
      <c r="B37" s="1176" t="s">
        <v>302</v>
      </c>
      <c r="C37" s="1177"/>
      <c r="D37" s="1177"/>
      <c r="E37" s="1178"/>
      <c r="F37" s="1357" t="s">
        <v>303</v>
      </c>
      <c r="G37" s="1358"/>
      <c r="H37" s="1176" t="s">
        <v>302</v>
      </c>
      <c r="I37" s="1178"/>
      <c r="J37" s="78"/>
      <c r="K37" s="78"/>
      <c r="L37" s="564"/>
      <c r="M37" s="564"/>
      <c r="N37" s="564"/>
      <c r="O37" s="564"/>
      <c r="P37" s="564"/>
      <c r="Q37" s="564"/>
    </row>
  </sheetData>
  <mergeCells count="24">
    <mergeCell ref="F37:G37"/>
    <mergeCell ref="A31:N31"/>
    <mergeCell ref="A32:I32"/>
    <mergeCell ref="K34:N34"/>
    <mergeCell ref="F35:G35"/>
    <mergeCell ref="F36:G36"/>
    <mergeCell ref="B35:D35"/>
    <mergeCell ref="B36:D36"/>
    <mergeCell ref="B37:E37"/>
    <mergeCell ref="H35:I35"/>
    <mergeCell ref="H36:I36"/>
    <mergeCell ref="H37:I37"/>
    <mergeCell ref="P4:Q4"/>
    <mergeCell ref="P5:Q5"/>
    <mergeCell ref="A30:N30"/>
    <mergeCell ref="H3:J3"/>
    <mergeCell ref="K3:O3"/>
    <mergeCell ref="K4:L4"/>
    <mergeCell ref="M4:N4"/>
    <mergeCell ref="A10:A11"/>
    <mergeCell ref="A26:H26"/>
    <mergeCell ref="A27:H27"/>
    <mergeCell ref="A28:H28"/>
    <mergeCell ref="A29:H29"/>
  </mergeCells>
  <phoneticPr fontId="3"/>
  <printOptions horizontalCentered="1" verticalCentered="1"/>
  <pageMargins left="0.39370078740157483" right="0.39370078740157483" top="0.78740157480314965" bottom="0.78740157480314965" header="0.51181102362204722" footer="0.51181102362204722"/>
  <pageSetup paperSize="9" scale="86" orientation="landscape" r:id="rId1"/>
  <headerFooter alignWithMargins="0">
    <oddFooter>&amp;C&amp;A</oddFooter>
  </headerFooter>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K60"/>
  <sheetViews>
    <sheetView view="pageBreakPreview" zoomScaleNormal="100" zoomScaleSheetLayoutView="100" workbookViewId="0">
      <selection activeCell="A9" sqref="A9:B9"/>
    </sheetView>
  </sheetViews>
  <sheetFormatPr defaultColWidth="9" defaultRowHeight="13.2"/>
  <cols>
    <col min="1" max="1" width="3.77734375" style="640" customWidth="1"/>
    <col min="2" max="8" width="9" style="640"/>
    <col min="9" max="9" width="9.88671875" style="640" customWidth="1"/>
    <col min="10" max="10" width="10.109375" style="640" customWidth="1"/>
    <col min="11" max="16384" width="9" style="640"/>
  </cols>
  <sheetData>
    <row r="1" spans="1:11" ht="16.5" customHeight="1" thickBot="1">
      <c r="A1" s="636" t="s">
        <v>1112</v>
      </c>
      <c r="B1" s="636"/>
      <c r="C1" s="636"/>
      <c r="D1" s="636"/>
      <c r="E1" s="636"/>
      <c r="F1" s="636"/>
      <c r="G1" s="636"/>
      <c r="H1" s="636"/>
    </row>
    <row r="2" spans="1:11" ht="16.5" customHeight="1">
      <c r="A2" s="1414"/>
      <c r="B2" s="1415"/>
      <c r="C2" s="1416"/>
      <c r="D2" s="374" t="s">
        <v>304</v>
      </c>
      <c r="E2" s="374" t="s">
        <v>305</v>
      </c>
      <c r="F2" s="374" t="s">
        <v>306</v>
      </c>
      <c r="G2" s="1417" t="s">
        <v>936</v>
      </c>
      <c r="H2" s="1418"/>
      <c r="I2" s="625"/>
      <c r="J2" s="625"/>
    </row>
    <row r="3" spans="1:11" ht="16.5" customHeight="1">
      <c r="A3" s="896" t="s">
        <v>937</v>
      </c>
      <c r="B3" s="906"/>
      <c r="C3" s="610" t="s">
        <v>938</v>
      </c>
      <c r="D3" s="14"/>
      <c r="E3" s="14"/>
      <c r="F3" s="689"/>
      <c r="G3" s="1419"/>
      <c r="H3" s="1420"/>
      <c r="I3" s="690"/>
      <c r="J3" s="690"/>
    </row>
    <row r="4" spans="1:11" ht="16.5" customHeight="1" thickBot="1">
      <c r="A4" s="1357" t="s">
        <v>939</v>
      </c>
      <c r="B4" s="1358"/>
      <c r="C4" s="681" t="s">
        <v>940</v>
      </c>
      <c r="D4" s="691"/>
      <c r="E4" s="691"/>
      <c r="F4" s="692"/>
      <c r="G4" s="1421"/>
      <c r="H4" s="1422"/>
      <c r="I4" s="690"/>
      <c r="J4" s="690"/>
    </row>
    <row r="5" spans="1:11">
      <c r="B5" s="636" t="s">
        <v>307</v>
      </c>
    </row>
    <row r="6" spans="1:11" ht="10.5" customHeight="1"/>
    <row r="7" spans="1:11" ht="15" customHeight="1" thickBot="1">
      <c r="A7" s="636" t="s">
        <v>1113</v>
      </c>
      <c r="B7" s="636"/>
      <c r="C7" s="636"/>
      <c r="D7" s="636"/>
      <c r="E7" s="636"/>
      <c r="F7" s="636"/>
      <c r="G7" s="636"/>
      <c r="H7" s="636"/>
    </row>
    <row r="8" spans="1:11" ht="15" customHeight="1">
      <c r="A8" s="1389"/>
      <c r="B8" s="1390"/>
      <c r="C8" s="921" t="s">
        <v>941</v>
      </c>
      <c r="D8" s="922"/>
      <c r="E8" s="966"/>
      <c r="F8" s="921" t="s">
        <v>942</v>
      </c>
      <c r="G8" s="922"/>
      <c r="H8" s="967"/>
    </row>
    <row r="9" spans="1:11" ht="15" customHeight="1">
      <c r="A9" s="896" t="s">
        <v>308</v>
      </c>
      <c r="B9" s="1192"/>
      <c r="C9" s="619" t="s">
        <v>309</v>
      </c>
      <c r="D9" s="619"/>
      <c r="E9" s="619" t="s">
        <v>310</v>
      </c>
      <c r="F9" s="618" t="s">
        <v>311</v>
      </c>
      <c r="G9" s="619"/>
      <c r="H9" s="620" t="s">
        <v>310</v>
      </c>
    </row>
    <row r="10" spans="1:11" ht="15" customHeight="1">
      <c r="A10" s="896" t="s">
        <v>312</v>
      </c>
      <c r="B10" s="1192"/>
      <c r="C10" s="1407"/>
      <c r="D10" s="1408"/>
      <c r="E10" s="619" t="s">
        <v>313</v>
      </c>
      <c r="F10" s="1407"/>
      <c r="G10" s="1369"/>
      <c r="H10" s="620" t="s">
        <v>314</v>
      </c>
    </row>
    <row r="11" spans="1:11" ht="15" customHeight="1">
      <c r="A11" s="896" t="s">
        <v>315</v>
      </c>
      <c r="B11" s="1192"/>
      <c r="C11" s="1407"/>
      <c r="D11" s="1408"/>
      <c r="E11" s="619" t="s">
        <v>313</v>
      </c>
      <c r="F11" s="1407"/>
      <c r="G11" s="1369"/>
      <c r="H11" s="620" t="s">
        <v>314</v>
      </c>
    </row>
    <row r="12" spans="1:11" ht="15" customHeight="1">
      <c r="A12" s="896" t="s">
        <v>316</v>
      </c>
      <c r="B12" s="1192"/>
      <c r="C12" s="1407"/>
      <c r="D12" s="1408"/>
      <c r="E12" s="619" t="s">
        <v>317</v>
      </c>
      <c r="F12" s="1407"/>
      <c r="G12" s="1369"/>
      <c r="H12" s="620" t="s">
        <v>317</v>
      </c>
      <c r="I12" s="693"/>
    </row>
    <row r="13" spans="1:11" ht="15" customHeight="1" thickBot="1">
      <c r="A13" s="1357" t="s">
        <v>318</v>
      </c>
      <c r="B13" s="1234"/>
      <c r="C13" s="1409"/>
      <c r="D13" s="1410"/>
      <c r="E13" s="1411"/>
      <c r="F13" s="1409"/>
      <c r="G13" s="1412"/>
      <c r="H13" s="1413"/>
    </row>
    <row r="14" spans="1:11" ht="9" customHeight="1">
      <c r="D14" s="626"/>
      <c r="E14" s="626"/>
      <c r="F14" s="626"/>
      <c r="G14" s="626"/>
      <c r="H14" s="626"/>
    </row>
    <row r="15" spans="1:11" ht="15" customHeight="1" thickBot="1">
      <c r="A15" s="997" t="s">
        <v>1110</v>
      </c>
      <c r="B15" s="997"/>
      <c r="C15" s="997"/>
      <c r="D15" s="636"/>
      <c r="E15" s="636"/>
      <c r="F15" s="636"/>
      <c r="G15" s="636"/>
      <c r="H15" s="636"/>
      <c r="I15" s="636"/>
    </row>
    <row r="16" spans="1:11" s="653" customFormat="1" ht="21" customHeight="1">
      <c r="A16" s="1398" t="s">
        <v>943</v>
      </c>
      <c r="B16" s="1399"/>
      <c r="C16" s="1399"/>
      <c r="D16" s="1400"/>
      <c r="E16" s="1401"/>
      <c r="F16" s="1402" t="s">
        <v>944</v>
      </c>
      <c r="G16" s="1403"/>
      <c r="H16" s="1403"/>
      <c r="I16" s="1403"/>
      <c r="J16" s="1404"/>
      <c r="K16" s="635"/>
    </row>
    <row r="17" spans="1:11" s="653" customFormat="1" ht="21" customHeight="1">
      <c r="A17" s="1405" t="s">
        <v>945</v>
      </c>
      <c r="B17" s="1406"/>
      <c r="C17" s="1406"/>
      <c r="D17" s="1394"/>
      <c r="E17" s="1395"/>
      <c r="F17" s="694" t="s">
        <v>946</v>
      </c>
      <c r="G17" s="695"/>
      <c r="H17" s="695"/>
      <c r="I17" s="695"/>
      <c r="J17" s="696"/>
      <c r="K17" s="697"/>
    </row>
    <row r="18" spans="1:11" s="653" customFormat="1" ht="21" customHeight="1">
      <c r="A18" s="1391" t="s">
        <v>947</v>
      </c>
      <c r="B18" s="1392"/>
      <c r="C18" s="1392"/>
      <c r="D18" s="698" t="s">
        <v>948</v>
      </c>
      <c r="E18" s="699" t="s">
        <v>60</v>
      </c>
      <c r="F18" s="700"/>
      <c r="G18" s="701"/>
      <c r="H18" s="701"/>
      <c r="I18" s="701"/>
      <c r="J18" s="702"/>
      <c r="K18" s="697"/>
    </row>
    <row r="19" spans="1:11" s="653" customFormat="1" ht="24" customHeight="1">
      <c r="A19" s="1391" t="s">
        <v>949</v>
      </c>
      <c r="B19" s="1392"/>
      <c r="C19" s="1392"/>
      <c r="D19" s="698" t="s">
        <v>948</v>
      </c>
      <c r="E19" s="699" t="s">
        <v>60</v>
      </c>
      <c r="F19" s="703" t="s">
        <v>950</v>
      </c>
      <c r="G19" s="697"/>
      <c r="H19" s="697"/>
      <c r="I19" s="697"/>
      <c r="J19" s="704"/>
      <c r="K19" s="697"/>
    </row>
    <row r="20" spans="1:11" s="653" customFormat="1" ht="23.25" customHeight="1">
      <c r="A20" s="1391" t="s">
        <v>951</v>
      </c>
      <c r="B20" s="1392"/>
      <c r="C20" s="1393"/>
      <c r="D20" s="1394"/>
      <c r="E20" s="1395"/>
      <c r="F20" s="703"/>
      <c r="G20" s="697"/>
      <c r="H20" s="697"/>
      <c r="I20" s="697"/>
      <c r="J20" s="704"/>
      <c r="K20" s="697"/>
    </row>
    <row r="21" spans="1:11" s="653" customFormat="1" ht="24" customHeight="1" thickBot="1">
      <c r="A21" s="1396" t="s">
        <v>952</v>
      </c>
      <c r="B21" s="1397"/>
      <c r="C21" s="1397"/>
      <c r="D21" s="705" t="s">
        <v>948</v>
      </c>
      <c r="E21" s="706" t="s">
        <v>60</v>
      </c>
      <c r="F21" s="707"/>
      <c r="G21" s="708"/>
      <c r="H21" s="708"/>
      <c r="I21" s="708"/>
      <c r="J21" s="709"/>
      <c r="K21" s="697"/>
    </row>
    <row r="22" spans="1:11" ht="9" customHeight="1"/>
    <row r="23" spans="1:11">
      <c r="A23" s="636" t="s">
        <v>1111</v>
      </c>
      <c r="B23" s="636"/>
      <c r="C23" s="636"/>
      <c r="D23" s="636"/>
      <c r="E23" s="636"/>
      <c r="F23" s="636"/>
      <c r="G23" s="636"/>
      <c r="H23" s="636"/>
      <c r="I23" s="636"/>
      <c r="J23" s="636"/>
    </row>
    <row r="24" spans="1:11" ht="13.8" thickBot="1">
      <c r="A24" s="636" t="s">
        <v>319</v>
      </c>
      <c r="B24" s="636"/>
      <c r="C24" s="636"/>
      <c r="D24" s="636"/>
      <c r="E24" s="636"/>
      <c r="F24" s="636"/>
      <c r="G24" s="625"/>
      <c r="H24" s="636"/>
      <c r="I24" s="636"/>
      <c r="J24" s="636"/>
    </row>
    <row r="25" spans="1:11">
      <c r="A25" s="1389"/>
      <c r="B25" s="1390"/>
      <c r="C25" s="921" t="s">
        <v>320</v>
      </c>
      <c r="D25" s="922"/>
      <c r="E25" s="922"/>
      <c r="F25" s="921" t="s">
        <v>321</v>
      </c>
      <c r="G25" s="922"/>
      <c r="H25" s="966"/>
      <c r="I25" s="921" t="s">
        <v>322</v>
      </c>
      <c r="J25" s="967"/>
    </row>
    <row r="26" spans="1:11" ht="15" customHeight="1">
      <c r="A26" s="1383" t="s">
        <v>323</v>
      </c>
      <c r="B26" s="1384"/>
      <c r="C26" s="1385"/>
      <c r="D26" s="1385"/>
      <c r="E26" s="1385"/>
      <c r="F26" s="1385"/>
      <c r="G26" s="1385"/>
      <c r="H26" s="1385"/>
      <c r="I26" s="1387" t="s">
        <v>320</v>
      </c>
      <c r="J26" s="710" t="s">
        <v>321</v>
      </c>
    </row>
    <row r="27" spans="1:11" ht="15" customHeight="1">
      <c r="A27" s="1147"/>
      <c r="B27" s="1148"/>
      <c r="C27" s="1386"/>
      <c r="D27" s="1386"/>
      <c r="E27" s="1386"/>
      <c r="F27" s="1386"/>
      <c r="G27" s="1386"/>
      <c r="H27" s="1386"/>
      <c r="I27" s="1388"/>
      <c r="J27" s="440" t="s">
        <v>953</v>
      </c>
    </row>
    <row r="28" spans="1:11" ht="15" customHeight="1">
      <c r="A28" s="886" t="s">
        <v>954</v>
      </c>
      <c r="B28" s="968"/>
      <c r="C28" s="765"/>
      <c r="D28" s="765"/>
      <c r="E28" s="766"/>
      <c r="F28" s="765"/>
      <c r="G28" s="765"/>
      <c r="H28" s="765"/>
      <c r="I28" s="765"/>
      <c r="J28" s="765"/>
    </row>
    <row r="29" spans="1:11" ht="15" customHeight="1">
      <c r="A29" s="611"/>
      <c r="B29" s="612"/>
      <c r="C29" s="643" t="s">
        <v>324</v>
      </c>
      <c r="D29" s="621"/>
      <c r="E29" s="625" t="s">
        <v>325</v>
      </c>
      <c r="F29" s="621"/>
      <c r="G29" s="621"/>
      <c r="H29" s="621"/>
      <c r="I29" s="621"/>
      <c r="J29" s="622"/>
    </row>
    <row r="30" spans="1:11" ht="15" customHeight="1">
      <c r="A30" s="1145" t="s">
        <v>955</v>
      </c>
      <c r="B30" s="1146"/>
      <c r="C30" s="1337" t="s">
        <v>956</v>
      </c>
      <c r="D30" s="1302"/>
      <c r="E30" s="1302"/>
      <c r="F30" s="1302"/>
      <c r="G30" s="1302"/>
      <c r="H30" s="1302"/>
      <c r="I30" s="1302"/>
      <c r="J30" s="1381"/>
    </row>
    <row r="31" spans="1:11" ht="15" customHeight="1">
      <c r="A31" s="633"/>
      <c r="B31" s="357"/>
      <c r="C31" s="1382" t="s">
        <v>957</v>
      </c>
      <c r="D31" s="1302"/>
      <c r="E31" s="1302"/>
      <c r="F31" s="1302"/>
      <c r="G31" s="1302"/>
      <c r="H31" s="1302"/>
      <c r="I31" s="1302"/>
      <c r="J31" s="1381"/>
    </row>
    <row r="32" spans="1:11" ht="15" customHeight="1">
      <c r="A32" s="627"/>
      <c r="B32" s="626"/>
      <c r="C32" s="639"/>
      <c r="D32" s="625"/>
      <c r="E32" s="625"/>
      <c r="F32" s="625"/>
      <c r="G32" s="625"/>
      <c r="H32" s="625"/>
      <c r="I32" s="625"/>
      <c r="J32" s="647"/>
    </row>
    <row r="33" spans="1:11" ht="15" customHeight="1">
      <c r="A33" s="633" t="s">
        <v>326</v>
      </c>
      <c r="B33" s="357"/>
      <c r="C33" s="1337" t="s">
        <v>327</v>
      </c>
      <c r="D33" s="997"/>
      <c r="E33" s="625" t="s">
        <v>325</v>
      </c>
      <c r="F33" s="625"/>
      <c r="G33" s="625"/>
      <c r="H33" s="625"/>
      <c r="I33" s="625"/>
      <c r="J33" s="647"/>
    </row>
    <row r="34" spans="1:11" ht="15" customHeight="1">
      <c r="A34" s="633" t="s">
        <v>328</v>
      </c>
      <c r="B34" s="357"/>
      <c r="C34" s="1337" t="s">
        <v>958</v>
      </c>
      <c r="D34" s="1302"/>
      <c r="E34" s="1302"/>
      <c r="F34" s="1302"/>
      <c r="G34" s="1302"/>
      <c r="H34" s="1302"/>
      <c r="I34" s="1302"/>
      <c r="J34" s="1381"/>
    </row>
    <row r="35" spans="1:11" ht="15" customHeight="1">
      <c r="A35" s="633"/>
      <c r="B35" s="357"/>
      <c r="C35" s="1337" t="s">
        <v>329</v>
      </c>
      <c r="D35" s="1302"/>
      <c r="E35" s="1302"/>
      <c r="F35" s="1302"/>
      <c r="G35" s="1302"/>
      <c r="H35" s="625"/>
      <c r="I35" s="625"/>
      <c r="J35" s="647"/>
    </row>
    <row r="36" spans="1:11" ht="15" customHeight="1">
      <c r="A36" s="613"/>
      <c r="B36" s="614"/>
      <c r="C36" s="641"/>
      <c r="D36" s="624"/>
      <c r="E36" s="624"/>
      <c r="F36" s="624"/>
      <c r="G36" s="624"/>
      <c r="H36" s="624"/>
      <c r="I36" s="624"/>
      <c r="J36" s="642"/>
    </row>
    <row r="37" spans="1:11" ht="45" customHeight="1">
      <c r="A37" s="928" t="s">
        <v>959</v>
      </c>
      <c r="B37" s="1369"/>
      <c r="C37" s="1369"/>
      <c r="D37" s="1369"/>
      <c r="E37" s="1369"/>
      <c r="F37" s="1369"/>
      <c r="G37" s="1370"/>
      <c r="H37" s="1352"/>
      <c r="I37" s="1371"/>
      <c r="J37" s="1372"/>
    </row>
    <row r="38" spans="1:11" ht="15" customHeight="1">
      <c r="A38" s="611" t="s">
        <v>330</v>
      </c>
      <c r="B38" s="611"/>
      <c r="C38" s="621"/>
      <c r="D38" s="621"/>
      <c r="E38" s="621"/>
      <c r="F38" s="621"/>
      <c r="G38" s="621"/>
      <c r="H38" s="621"/>
      <c r="I38" s="621"/>
      <c r="J38" s="622"/>
    </row>
    <row r="39" spans="1:11" ht="15" customHeight="1">
      <c r="A39" s="1373"/>
      <c r="B39" s="1374"/>
      <c r="C39" s="1374"/>
      <c r="D39" s="1374"/>
      <c r="E39" s="1374"/>
      <c r="F39" s="1374"/>
      <c r="G39" s="1374"/>
      <c r="H39" s="1374"/>
      <c r="I39" s="1374"/>
      <c r="J39" s="1375"/>
    </row>
    <row r="40" spans="1:11" ht="15" customHeight="1" thickBot="1">
      <c r="A40" s="1376"/>
      <c r="B40" s="1377"/>
      <c r="C40" s="1377"/>
      <c r="D40" s="1377"/>
      <c r="E40" s="1377"/>
      <c r="F40" s="1377"/>
      <c r="G40" s="1377"/>
      <c r="H40" s="1377"/>
      <c r="I40" s="1377"/>
      <c r="J40" s="1378"/>
    </row>
    <row r="41" spans="1:11" ht="3.75" customHeight="1">
      <c r="A41" s="636"/>
      <c r="B41" s="636"/>
      <c r="C41" s="636"/>
      <c r="D41" s="636"/>
      <c r="E41" s="636"/>
      <c r="F41" s="636"/>
      <c r="G41" s="636"/>
      <c r="H41" s="636"/>
      <c r="I41" s="636"/>
      <c r="J41" s="636"/>
    </row>
    <row r="42" spans="1:11" ht="3" customHeight="1">
      <c r="A42" s="636"/>
      <c r="B42" s="636"/>
      <c r="C42" s="636"/>
      <c r="D42" s="636"/>
      <c r="E42" s="636"/>
      <c r="F42" s="636"/>
      <c r="G42" s="636"/>
      <c r="H42" s="636"/>
      <c r="I42" s="636"/>
      <c r="J42" s="636"/>
    </row>
    <row r="43" spans="1:11">
      <c r="A43" s="636"/>
      <c r="B43" s="636"/>
      <c r="C43" s="636"/>
      <c r="D43" s="636"/>
      <c r="F43" s="625"/>
      <c r="G43" s="636"/>
      <c r="H43" s="636"/>
      <c r="I43" s="636"/>
      <c r="J43" s="636"/>
    </row>
    <row r="44" spans="1:11" ht="13.8" thickBot="1">
      <c r="A44" s="636" t="s">
        <v>960</v>
      </c>
      <c r="B44" s="636"/>
      <c r="C44" s="636"/>
      <c r="D44" s="636"/>
      <c r="E44" s="625"/>
      <c r="G44" s="636"/>
      <c r="H44" s="636"/>
      <c r="I44" s="636"/>
      <c r="J44" s="636"/>
    </row>
    <row r="45" spans="1:11" ht="16.5" customHeight="1">
      <c r="A45" s="1361" t="s">
        <v>961</v>
      </c>
      <c r="B45" s="903"/>
      <c r="C45" s="1379"/>
      <c r="D45" s="1102" t="s">
        <v>962</v>
      </c>
      <c r="E45" s="1103"/>
      <c r="F45" s="1380"/>
      <c r="H45" s="636"/>
      <c r="I45" s="625"/>
      <c r="J45" s="636"/>
      <c r="K45" s="636"/>
    </row>
    <row r="46" spans="1:11" ht="16.5" customHeight="1">
      <c r="A46" s="896" t="s">
        <v>963</v>
      </c>
      <c r="B46" s="906"/>
      <c r="C46" s="897"/>
      <c r="D46" s="1110" t="s">
        <v>27</v>
      </c>
      <c r="E46" s="1111"/>
      <c r="F46" s="1365"/>
      <c r="H46" s="636"/>
      <c r="I46" s="636"/>
      <c r="J46" s="636"/>
      <c r="K46" s="636"/>
    </row>
    <row r="47" spans="1:11">
      <c r="A47" s="611" t="s">
        <v>964</v>
      </c>
      <c r="B47" s="621"/>
      <c r="C47" s="621"/>
      <c r="D47" s="621"/>
      <c r="E47" s="621"/>
      <c r="F47" s="622"/>
      <c r="H47" s="636"/>
      <c r="I47" s="636"/>
      <c r="J47" s="636"/>
      <c r="K47" s="636"/>
    </row>
    <row r="48" spans="1:11" ht="13.8" thickBot="1">
      <c r="A48" s="1366"/>
      <c r="B48" s="1367"/>
      <c r="C48" s="1367"/>
      <c r="D48" s="1367"/>
      <c r="E48" s="1367"/>
      <c r="F48" s="1368"/>
      <c r="H48" s="636"/>
      <c r="I48" s="636"/>
      <c r="J48" s="636"/>
      <c r="K48" s="636"/>
    </row>
    <row r="49" spans="1:9" ht="9" customHeight="1"/>
    <row r="56" spans="1:9">
      <c r="A56" s="625"/>
      <c r="B56" s="625"/>
      <c r="C56" s="625"/>
      <c r="D56" s="625"/>
      <c r="E56" s="625"/>
      <c r="F56" s="625"/>
      <c r="G56" s="625"/>
      <c r="H56" s="625"/>
      <c r="I56" s="625"/>
    </row>
    <row r="57" spans="1:9">
      <c r="A57" s="625"/>
      <c r="B57" s="625"/>
      <c r="C57" s="625"/>
      <c r="D57" s="625"/>
      <c r="E57" s="625"/>
      <c r="F57" s="625"/>
      <c r="G57" s="625"/>
      <c r="H57" s="625"/>
      <c r="I57" s="625"/>
    </row>
    <row r="58" spans="1:9">
      <c r="A58" s="625"/>
      <c r="B58" s="625"/>
      <c r="C58" s="625"/>
      <c r="D58" s="625"/>
      <c r="E58" s="625"/>
      <c r="F58" s="625"/>
      <c r="G58" s="625"/>
      <c r="H58" s="625"/>
      <c r="I58" s="625"/>
    </row>
    <row r="59" spans="1:9">
      <c r="A59" s="625"/>
      <c r="B59" s="625"/>
      <c r="C59" s="625"/>
      <c r="D59" s="625"/>
      <c r="E59" s="625"/>
      <c r="F59" s="625"/>
      <c r="G59" s="625"/>
      <c r="H59" s="625"/>
      <c r="I59" s="625"/>
    </row>
    <row r="60" spans="1:9">
      <c r="A60" s="625"/>
      <c r="B60" s="625"/>
      <c r="C60" s="625"/>
      <c r="D60" s="625"/>
      <c r="E60" s="625"/>
      <c r="F60" s="625"/>
      <c r="G60" s="625"/>
      <c r="H60" s="625"/>
      <c r="I60" s="625"/>
    </row>
  </sheetData>
  <mergeCells count="59">
    <mergeCell ref="A8:B8"/>
    <mergeCell ref="C8:E8"/>
    <mergeCell ref="F8:H8"/>
    <mergeCell ref="A2:C2"/>
    <mergeCell ref="G2:H2"/>
    <mergeCell ref="A3:B3"/>
    <mergeCell ref="G3:H4"/>
    <mergeCell ref="A4:B4"/>
    <mergeCell ref="A9:B9"/>
    <mergeCell ref="A10:B10"/>
    <mergeCell ref="C10:D10"/>
    <mergeCell ref="F10:G10"/>
    <mergeCell ref="A11:B11"/>
    <mergeCell ref="C11:D11"/>
    <mergeCell ref="F11:G11"/>
    <mergeCell ref="A12:B12"/>
    <mergeCell ref="C12:D12"/>
    <mergeCell ref="F12:G12"/>
    <mergeCell ref="A13:B13"/>
    <mergeCell ref="C13:E13"/>
    <mergeCell ref="F13:H13"/>
    <mergeCell ref="A15:C15"/>
    <mergeCell ref="A16:C16"/>
    <mergeCell ref="D16:E16"/>
    <mergeCell ref="F16:J16"/>
    <mergeCell ref="A17:C17"/>
    <mergeCell ref="D17:E17"/>
    <mergeCell ref="A18:C18"/>
    <mergeCell ref="A19:C19"/>
    <mergeCell ref="A20:C20"/>
    <mergeCell ref="D20:E20"/>
    <mergeCell ref="A21:C21"/>
    <mergeCell ref="F25:H25"/>
    <mergeCell ref="I25:J25"/>
    <mergeCell ref="A26:B27"/>
    <mergeCell ref="C26:C27"/>
    <mergeCell ref="D26:D27"/>
    <mergeCell ref="E26:E27"/>
    <mergeCell ref="F26:F27"/>
    <mergeCell ref="G26:G27"/>
    <mergeCell ref="H26:H27"/>
    <mergeCell ref="I26:I27"/>
    <mergeCell ref="A25:B25"/>
    <mergeCell ref="C25:E25"/>
    <mergeCell ref="H37:J37"/>
    <mergeCell ref="A39:J40"/>
    <mergeCell ref="A45:C45"/>
    <mergeCell ref="D45:F45"/>
    <mergeCell ref="A28:B28"/>
    <mergeCell ref="A30:B30"/>
    <mergeCell ref="C30:J30"/>
    <mergeCell ref="C31:J31"/>
    <mergeCell ref="C33:D33"/>
    <mergeCell ref="C34:J34"/>
    <mergeCell ref="A46:C46"/>
    <mergeCell ref="D46:F46"/>
    <mergeCell ref="A48:F48"/>
    <mergeCell ref="C35:G35"/>
    <mergeCell ref="A37:G37"/>
  </mergeCells>
  <phoneticPr fontId="3"/>
  <dataValidations count="1">
    <dataValidation type="list" imeMode="on" allowBlank="1" showInputMessage="1" promptTitle="記録の有無" prompt="リストから選択してください。" sqref="C28:J28" xr:uid="{F46EA298-D625-4FFE-A573-E1C12B9AE5C2}">
      <formula1>"有,無,"</formula1>
    </dataValidation>
  </dataValidations>
  <pageMargins left="0.78740157480314965" right="0.59055118110236227" top="0.98425196850393704" bottom="0.82677165354330717" header="0.51181102362204722" footer="0.51181102362204722"/>
  <pageSetup paperSize="9" orientation="portrait" r:id="rId1"/>
  <headerFooter alignWithMargins="0">
    <oddFooter>&amp;C児養１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9153" r:id="rId4" name="Check Box 1">
              <controlPr defaultSize="0" autoFill="0" autoLine="0" autoPict="0">
                <anchor moveWithCells="1">
                  <from>
                    <xdr:col>4</xdr:col>
                    <xdr:colOff>236220</xdr:colOff>
                    <xdr:row>0</xdr:row>
                    <xdr:rowOff>0</xdr:rowOff>
                  </from>
                  <to>
                    <xdr:col>5</xdr:col>
                    <xdr:colOff>60960</xdr:colOff>
                    <xdr:row>1</xdr:row>
                    <xdr:rowOff>15240</xdr:rowOff>
                  </to>
                </anchor>
              </controlPr>
            </control>
          </mc:Choice>
        </mc:AlternateContent>
        <mc:AlternateContent xmlns:mc="http://schemas.openxmlformats.org/markup-compatibility/2006">
          <mc:Choice Requires="x14">
            <control shapeId="49154" r:id="rId5" name="Check Box 2">
              <controlPr defaultSize="0" autoFill="0" autoLine="0" autoPict="0">
                <anchor moveWithCells="1">
                  <from>
                    <xdr:col>5</xdr:col>
                    <xdr:colOff>137160</xdr:colOff>
                    <xdr:row>0</xdr:row>
                    <xdr:rowOff>15240</xdr:rowOff>
                  </from>
                  <to>
                    <xdr:col>5</xdr:col>
                    <xdr:colOff>556260</xdr:colOff>
                    <xdr:row>1</xdr:row>
                    <xdr:rowOff>0</xdr:rowOff>
                  </to>
                </anchor>
              </controlPr>
            </control>
          </mc:Choice>
        </mc:AlternateContent>
        <mc:AlternateContent xmlns:mc="http://schemas.openxmlformats.org/markup-compatibility/2006">
          <mc:Choice Requires="x14">
            <control shapeId="49155" r:id="rId6" name="Check Box 3">
              <controlPr defaultSize="0" autoFill="0" autoLine="0" autoPict="0">
                <anchor moveWithCells="1">
                  <from>
                    <xdr:col>6</xdr:col>
                    <xdr:colOff>198120</xdr:colOff>
                    <xdr:row>2</xdr:row>
                    <xdr:rowOff>68580</xdr:rowOff>
                  </from>
                  <to>
                    <xdr:col>7</xdr:col>
                    <xdr:colOff>22860</xdr:colOff>
                    <xdr:row>3</xdr:row>
                    <xdr:rowOff>137160</xdr:rowOff>
                  </to>
                </anchor>
              </controlPr>
            </control>
          </mc:Choice>
        </mc:AlternateContent>
        <mc:AlternateContent xmlns:mc="http://schemas.openxmlformats.org/markup-compatibility/2006">
          <mc:Choice Requires="x14">
            <control shapeId="49156" r:id="rId7" name="Check Box 4">
              <controlPr defaultSize="0" autoFill="0" autoLine="0" autoPict="0">
                <anchor moveWithCells="1">
                  <from>
                    <xdr:col>7</xdr:col>
                    <xdr:colOff>99060</xdr:colOff>
                    <xdr:row>2</xdr:row>
                    <xdr:rowOff>99060</xdr:rowOff>
                  </from>
                  <to>
                    <xdr:col>7</xdr:col>
                    <xdr:colOff>518160</xdr:colOff>
                    <xdr:row>3</xdr:row>
                    <xdr:rowOff>114300</xdr:rowOff>
                  </to>
                </anchor>
              </controlPr>
            </control>
          </mc:Choice>
        </mc:AlternateContent>
        <mc:AlternateContent xmlns:mc="http://schemas.openxmlformats.org/markup-compatibility/2006">
          <mc:Choice Requires="x14">
            <control shapeId="49157" r:id="rId8" name="Check Box 5">
              <controlPr defaultSize="0" autoFill="0" autoLine="0" autoPict="0">
                <anchor moveWithCells="1">
                  <from>
                    <xdr:col>3</xdr:col>
                    <xdr:colOff>213360</xdr:colOff>
                    <xdr:row>15</xdr:row>
                    <xdr:rowOff>0</xdr:rowOff>
                  </from>
                  <to>
                    <xdr:col>4</xdr:col>
                    <xdr:colOff>30480</xdr:colOff>
                    <xdr:row>16</xdr:row>
                    <xdr:rowOff>0</xdr:rowOff>
                  </to>
                </anchor>
              </controlPr>
            </control>
          </mc:Choice>
        </mc:AlternateContent>
        <mc:AlternateContent xmlns:mc="http://schemas.openxmlformats.org/markup-compatibility/2006">
          <mc:Choice Requires="x14">
            <control shapeId="49158" r:id="rId9" name="Check Box 6">
              <controlPr defaultSize="0" autoFill="0" autoLine="0" autoPict="0">
                <anchor moveWithCells="1">
                  <from>
                    <xdr:col>4</xdr:col>
                    <xdr:colOff>99060</xdr:colOff>
                    <xdr:row>15</xdr:row>
                    <xdr:rowOff>22860</xdr:rowOff>
                  </from>
                  <to>
                    <xdr:col>4</xdr:col>
                    <xdr:colOff>525780</xdr:colOff>
                    <xdr:row>15</xdr:row>
                    <xdr:rowOff>251460</xdr:rowOff>
                  </to>
                </anchor>
              </controlPr>
            </control>
          </mc:Choice>
        </mc:AlternateContent>
        <mc:AlternateContent xmlns:mc="http://schemas.openxmlformats.org/markup-compatibility/2006">
          <mc:Choice Requires="x14">
            <control shapeId="49159" r:id="rId10" name="Check Box 7">
              <controlPr defaultSize="0" autoFill="0" autoLine="0" autoPict="0">
                <anchor moveWithCells="1">
                  <from>
                    <xdr:col>3</xdr:col>
                    <xdr:colOff>213360</xdr:colOff>
                    <xdr:row>16</xdr:row>
                    <xdr:rowOff>0</xdr:rowOff>
                  </from>
                  <to>
                    <xdr:col>4</xdr:col>
                    <xdr:colOff>30480</xdr:colOff>
                    <xdr:row>17</xdr:row>
                    <xdr:rowOff>0</xdr:rowOff>
                  </to>
                </anchor>
              </controlPr>
            </control>
          </mc:Choice>
        </mc:AlternateContent>
        <mc:AlternateContent xmlns:mc="http://schemas.openxmlformats.org/markup-compatibility/2006">
          <mc:Choice Requires="x14">
            <control shapeId="49160" r:id="rId11" name="Check Box 8">
              <controlPr defaultSize="0" autoFill="0" autoLine="0" autoPict="0">
                <anchor moveWithCells="1">
                  <from>
                    <xdr:col>4</xdr:col>
                    <xdr:colOff>99060</xdr:colOff>
                    <xdr:row>16</xdr:row>
                    <xdr:rowOff>22860</xdr:rowOff>
                  </from>
                  <to>
                    <xdr:col>4</xdr:col>
                    <xdr:colOff>525780</xdr:colOff>
                    <xdr:row>16</xdr:row>
                    <xdr:rowOff>251460</xdr:rowOff>
                  </to>
                </anchor>
              </controlPr>
            </control>
          </mc:Choice>
        </mc:AlternateContent>
        <mc:AlternateContent xmlns:mc="http://schemas.openxmlformats.org/markup-compatibility/2006">
          <mc:Choice Requires="x14">
            <control shapeId="49161" r:id="rId12" name="Check Box 9">
              <controlPr defaultSize="0" autoFill="0" autoLine="0" autoPict="0">
                <anchor moveWithCells="1">
                  <from>
                    <xdr:col>3</xdr:col>
                    <xdr:colOff>213360</xdr:colOff>
                    <xdr:row>19</xdr:row>
                    <xdr:rowOff>0</xdr:rowOff>
                  </from>
                  <to>
                    <xdr:col>4</xdr:col>
                    <xdr:colOff>30480</xdr:colOff>
                    <xdr:row>19</xdr:row>
                    <xdr:rowOff>266700</xdr:rowOff>
                  </to>
                </anchor>
              </controlPr>
            </control>
          </mc:Choice>
        </mc:AlternateContent>
        <mc:AlternateContent xmlns:mc="http://schemas.openxmlformats.org/markup-compatibility/2006">
          <mc:Choice Requires="x14">
            <control shapeId="49162" r:id="rId13" name="Check Box 10">
              <controlPr defaultSize="0" autoFill="0" autoLine="0" autoPict="0">
                <anchor moveWithCells="1">
                  <from>
                    <xdr:col>4</xdr:col>
                    <xdr:colOff>99060</xdr:colOff>
                    <xdr:row>19</xdr:row>
                    <xdr:rowOff>22860</xdr:rowOff>
                  </from>
                  <to>
                    <xdr:col>4</xdr:col>
                    <xdr:colOff>525780</xdr:colOff>
                    <xdr:row>19</xdr:row>
                    <xdr:rowOff>251460</xdr:rowOff>
                  </to>
                </anchor>
              </controlPr>
            </control>
          </mc:Choice>
        </mc:AlternateContent>
        <mc:AlternateContent xmlns:mc="http://schemas.openxmlformats.org/markup-compatibility/2006">
          <mc:Choice Requires="x14">
            <control shapeId="49163" r:id="rId14" name="Check Box 11">
              <controlPr defaultSize="0" autoFill="0" autoLine="0" autoPict="0">
                <anchor moveWithCells="1">
                  <from>
                    <xdr:col>7</xdr:col>
                    <xdr:colOff>198120</xdr:colOff>
                    <xdr:row>36</xdr:row>
                    <xdr:rowOff>68580</xdr:rowOff>
                  </from>
                  <to>
                    <xdr:col>9</xdr:col>
                    <xdr:colOff>487680</xdr:colOff>
                    <xdr:row>36</xdr:row>
                    <xdr:rowOff>335280</xdr:rowOff>
                  </to>
                </anchor>
              </controlPr>
            </control>
          </mc:Choice>
        </mc:AlternateContent>
        <mc:AlternateContent xmlns:mc="http://schemas.openxmlformats.org/markup-compatibility/2006">
          <mc:Choice Requires="x14">
            <control shapeId="49164" r:id="rId15" name="Check Box 12">
              <controlPr defaultSize="0" autoFill="0" autoLine="0" autoPict="0">
                <anchor moveWithCells="1">
                  <from>
                    <xdr:col>7</xdr:col>
                    <xdr:colOff>198120</xdr:colOff>
                    <xdr:row>36</xdr:row>
                    <xdr:rowOff>274320</xdr:rowOff>
                  </from>
                  <to>
                    <xdr:col>9</xdr:col>
                    <xdr:colOff>487680</xdr:colOff>
                    <xdr:row>36</xdr:row>
                    <xdr:rowOff>541020</xdr:rowOff>
                  </to>
                </anchor>
              </controlPr>
            </control>
          </mc:Choice>
        </mc:AlternateContent>
        <mc:AlternateContent xmlns:mc="http://schemas.openxmlformats.org/markup-compatibility/2006">
          <mc:Choice Requires="x14">
            <control shapeId="49165" r:id="rId16" name="Check Box 13">
              <controlPr defaultSize="0" autoFill="0" autoLine="0" autoPict="0">
                <anchor moveWithCells="1">
                  <from>
                    <xdr:col>3</xdr:col>
                    <xdr:colOff>68580</xdr:colOff>
                    <xdr:row>43</xdr:row>
                    <xdr:rowOff>152400</xdr:rowOff>
                  </from>
                  <to>
                    <xdr:col>3</xdr:col>
                    <xdr:colOff>518160</xdr:colOff>
                    <xdr:row>45</xdr:row>
                    <xdr:rowOff>38100</xdr:rowOff>
                  </to>
                </anchor>
              </controlPr>
            </control>
          </mc:Choice>
        </mc:AlternateContent>
        <mc:AlternateContent xmlns:mc="http://schemas.openxmlformats.org/markup-compatibility/2006">
          <mc:Choice Requires="x14">
            <control shapeId="49166" r:id="rId17" name="Check Box 14">
              <controlPr defaultSize="0" autoFill="0" autoLine="0" autoPict="0">
                <anchor moveWithCells="1">
                  <from>
                    <xdr:col>5</xdr:col>
                    <xdr:colOff>228600</xdr:colOff>
                    <xdr:row>43</xdr:row>
                    <xdr:rowOff>160020</xdr:rowOff>
                  </from>
                  <to>
                    <xdr:col>6</xdr:col>
                    <xdr:colOff>38100</xdr:colOff>
                    <xdr:row>45</xdr:row>
                    <xdr:rowOff>7620</xdr:rowOff>
                  </to>
                </anchor>
              </controlPr>
            </control>
          </mc:Choice>
        </mc:AlternateContent>
        <mc:AlternateContent xmlns:mc="http://schemas.openxmlformats.org/markup-compatibility/2006">
          <mc:Choice Requires="x14">
            <control shapeId="49167" r:id="rId18" name="Check Box 15">
              <controlPr defaultSize="0" autoFill="0" autoLine="0" autoPict="0">
                <anchor moveWithCells="1">
                  <from>
                    <xdr:col>3</xdr:col>
                    <xdr:colOff>60960</xdr:colOff>
                    <xdr:row>44</xdr:row>
                    <xdr:rowOff>190500</xdr:rowOff>
                  </from>
                  <to>
                    <xdr:col>3</xdr:col>
                    <xdr:colOff>502920</xdr:colOff>
                    <xdr:row>46</xdr:row>
                    <xdr:rowOff>45720</xdr:rowOff>
                  </to>
                </anchor>
              </controlPr>
            </control>
          </mc:Choice>
        </mc:AlternateContent>
        <mc:AlternateContent xmlns:mc="http://schemas.openxmlformats.org/markup-compatibility/2006">
          <mc:Choice Requires="x14">
            <control shapeId="49168" r:id="rId19" name="Check Box 16">
              <controlPr defaultSize="0" autoFill="0" autoLine="0" autoPict="0">
                <anchor moveWithCells="1">
                  <from>
                    <xdr:col>5</xdr:col>
                    <xdr:colOff>236220</xdr:colOff>
                    <xdr:row>45</xdr:row>
                    <xdr:rowOff>0</xdr:rowOff>
                  </from>
                  <to>
                    <xdr:col>6</xdr:col>
                    <xdr:colOff>45720</xdr:colOff>
                    <xdr:row>46</xdr:row>
                    <xdr:rowOff>22860</xdr:rowOff>
                  </to>
                </anchor>
              </controlPr>
            </control>
          </mc:Choice>
        </mc:AlternateContent>
      </controls>
    </mc:Choice>
  </mc:AlternateConten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dimension ref="A1:T65"/>
  <sheetViews>
    <sheetView view="pageBreakPreview" zoomScaleNormal="100" zoomScaleSheetLayoutView="100" workbookViewId="0">
      <selection activeCell="G2" sqref="A1:XFD1048576"/>
    </sheetView>
  </sheetViews>
  <sheetFormatPr defaultColWidth="99.109375" defaultRowHeight="10.8"/>
  <cols>
    <col min="1" max="1" width="1.6640625" style="242" customWidth="1"/>
    <col min="2" max="2" width="4.88671875" style="242" customWidth="1"/>
    <col min="3" max="3" width="5.44140625" style="242" customWidth="1"/>
    <col min="4" max="4" width="2" style="242" customWidth="1"/>
    <col min="5" max="17" width="5.21875" style="242" customWidth="1"/>
    <col min="18" max="19" width="5.21875" style="227" customWidth="1"/>
    <col min="20" max="20" width="9.88671875" style="227" customWidth="1"/>
    <col min="21" max="21" width="15" style="227" customWidth="1"/>
    <col min="22" max="256" width="99.109375" style="227"/>
    <col min="257" max="257" width="1.6640625" style="227" customWidth="1"/>
    <col min="258" max="258" width="4.88671875" style="227" customWidth="1"/>
    <col min="259" max="259" width="5.44140625" style="227" customWidth="1"/>
    <col min="260" max="260" width="2" style="227" customWidth="1"/>
    <col min="261" max="275" width="5.21875" style="227" customWidth="1"/>
    <col min="276" max="512" width="99.109375" style="227"/>
    <col min="513" max="513" width="1.6640625" style="227" customWidth="1"/>
    <col min="514" max="514" width="4.88671875" style="227" customWidth="1"/>
    <col min="515" max="515" width="5.44140625" style="227" customWidth="1"/>
    <col min="516" max="516" width="2" style="227" customWidth="1"/>
    <col min="517" max="531" width="5.21875" style="227" customWidth="1"/>
    <col min="532" max="768" width="99.109375" style="227"/>
    <col min="769" max="769" width="1.6640625" style="227" customWidth="1"/>
    <col min="770" max="770" width="4.88671875" style="227" customWidth="1"/>
    <col min="771" max="771" width="5.44140625" style="227" customWidth="1"/>
    <col min="772" max="772" width="2" style="227" customWidth="1"/>
    <col min="773" max="787" width="5.21875" style="227" customWidth="1"/>
    <col min="788" max="1024" width="99.109375" style="227"/>
    <col min="1025" max="1025" width="1.6640625" style="227" customWidth="1"/>
    <col min="1026" max="1026" width="4.88671875" style="227" customWidth="1"/>
    <col min="1027" max="1027" width="5.44140625" style="227" customWidth="1"/>
    <col min="1028" max="1028" width="2" style="227" customWidth="1"/>
    <col min="1029" max="1043" width="5.21875" style="227" customWidth="1"/>
    <col min="1044" max="1280" width="99.109375" style="227"/>
    <col min="1281" max="1281" width="1.6640625" style="227" customWidth="1"/>
    <col min="1282" max="1282" width="4.88671875" style="227" customWidth="1"/>
    <col min="1283" max="1283" width="5.44140625" style="227" customWidth="1"/>
    <col min="1284" max="1284" width="2" style="227" customWidth="1"/>
    <col min="1285" max="1299" width="5.21875" style="227" customWidth="1"/>
    <col min="1300" max="1536" width="99.109375" style="227"/>
    <col min="1537" max="1537" width="1.6640625" style="227" customWidth="1"/>
    <col min="1538" max="1538" width="4.88671875" style="227" customWidth="1"/>
    <col min="1539" max="1539" width="5.44140625" style="227" customWidth="1"/>
    <col min="1540" max="1540" width="2" style="227" customWidth="1"/>
    <col min="1541" max="1555" width="5.21875" style="227" customWidth="1"/>
    <col min="1556" max="1792" width="99.109375" style="227"/>
    <col min="1793" max="1793" width="1.6640625" style="227" customWidth="1"/>
    <col min="1794" max="1794" width="4.88671875" style="227" customWidth="1"/>
    <col min="1795" max="1795" width="5.44140625" style="227" customWidth="1"/>
    <col min="1796" max="1796" width="2" style="227" customWidth="1"/>
    <col min="1797" max="1811" width="5.21875" style="227" customWidth="1"/>
    <col min="1812" max="2048" width="99.109375" style="227"/>
    <col min="2049" max="2049" width="1.6640625" style="227" customWidth="1"/>
    <col min="2050" max="2050" width="4.88671875" style="227" customWidth="1"/>
    <col min="2051" max="2051" width="5.44140625" style="227" customWidth="1"/>
    <col min="2052" max="2052" width="2" style="227" customWidth="1"/>
    <col min="2053" max="2067" width="5.21875" style="227" customWidth="1"/>
    <col min="2068" max="2304" width="99.109375" style="227"/>
    <col min="2305" max="2305" width="1.6640625" style="227" customWidth="1"/>
    <col min="2306" max="2306" width="4.88671875" style="227" customWidth="1"/>
    <col min="2307" max="2307" width="5.44140625" style="227" customWidth="1"/>
    <col min="2308" max="2308" width="2" style="227" customWidth="1"/>
    <col min="2309" max="2323" width="5.21875" style="227" customWidth="1"/>
    <col min="2324" max="2560" width="99.109375" style="227"/>
    <col min="2561" max="2561" width="1.6640625" style="227" customWidth="1"/>
    <col min="2562" max="2562" width="4.88671875" style="227" customWidth="1"/>
    <col min="2563" max="2563" width="5.44140625" style="227" customWidth="1"/>
    <col min="2564" max="2564" width="2" style="227" customWidth="1"/>
    <col min="2565" max="2579" width="5.21875" style="227" customWidth="1"/>
    <col min="2580" max="2816" width="99.109375" style="227"/>
    <col min="2817" max="2817" width="1.6640625" style="227" customWidth="1"/>
    <col min="2818" max="2818" width="4.88671875" style="227" customWidth="1"/>
    <col min="2819" max="2819" width="5.44140625" style="227" customWidth="1"/>
    <col min="2820" max="2820" width="2" style="227" customWidth="1"/>
    <col min="2821" max="2835" width="5.21875" style="227" customWidth="1"/>
    <col min="2836" max="3072" width="99.109375" style="227"/>
    <col min="3073" max="3073" width="1.6640625" style="227" customWidth="1"/>
    <col min="3074" max="3074" width="4.88671875" style="227" customWidth="1"/>
    <col min="3075" max="3075" width="5.44140625" style="227" customWidth="1"/>
    <col min="3076" max="3076" width="2" style="227" customWidth="1"/>
    <col min="3077" max="3091" width="5.21875" style="227" customWidth="1"/>
    <col min="3092" max="3328" width="99.109375" style="227"/>
    <col min="3329" max="3329" width="1.6640625" style="227" customWidth="1"/>
    <col min="3330" max="3330" width="4.88671875" style="227" customWidth="1"/>
    <col min="3331" max="3331" width="5.44140625" style="227" customWidth="1"/>
    <col min="3332" max="3332" width="2" style="227" customWidth="1"/>
    <col min="3333" max="3347" width="5.21875" style="227" customWidth="1"/>
    <col min="3348" max="3584" width="99.109375" style="227"/>
    <col min="3585" max="3585" width="1.6640625" style="227" customWidth="1"/>
    <col min="3586" max="3586" width="4.88671875" style="227" customWidth="1"/>
    <col min="3587" max="3587" width="5.44140625" style="227" customWidth="1"/>
    <col min="3588" max="3588" width="2" style="227" customWidth="1"/>
    <col min="3589" max="3603" width="5.21875" style="227" customWidth="1"/>
    <col min="3604" max="3840" width="99.109375" style="227"/>
    <col min="3841" max="3841" width="1.6640625" style="227" customWidth="1"/>
    <col min="3842" max="3842" width="4.88671875" style="227" customWidth="1"/>
    <col min="3843" max="3843" width="5.44140625" style="227" customWidth="1"/>
    <col min="3844" max="3844" width="2" style="227" customWidth="1"/>
    <col min="3845" max="3859" width="5.21875" style="227" customWidth="1"/>
    <col min="3860" max="4096" width="99.109375" style="227"/>
    <col min="4097" max="4097" width="1.6640625" style="227" customWidth="1"/>
    <col min="4098" max="4098" width="4.88671875" style="227" customWidth="1"/>
    <col min="4099" max="4099" width="5.44140625" style="227" customWidth="1"/>
    <col min="4100" max="4100" width="2" style="227" customWidth="1"/>
    <col min="4101" max="4115" width="5.21875" style="227" customWidth="1"/>
    <col min="4116" max="4352" width="99.109375" style="227"/>
    <col min="4353" max="4353" width="1.6640625" style="227" customWidth="1"/>
    <col min="4354" max="4354" width="4.88671875" style="227" customWidth="1"/>
    <col min="4355" max="4355" width="5.44140625" style="227" customWidth="1"/>
    <col min="4356" max="4356" width="2" style="227" customWidth="1"/>
    <col min="4357" max="4371" width="5.21875" style="227" customWidth="1"/>
    <col min="4372" max="4608" width="99.109375" style="227"/>
    <col min="4609" max="4609" width="1.6640625" style="227" customWidth="1"/>
    <col min="4610" max="4610" width="4.88671875" style="227" customWidth="1"/>
    <col min="4611" max="4611" width="5.44140625" style="227" customWidth="1"/>
    <col min="4612" max="4612" width="2" style="227" customWidth="1"/>
    <col min="4613" max="4627" width="5.21875" style="227" customWidth="1"/>
    <col min="4628" max="4864" width="99.109375" style="227"/>
    <col min="4865" max="4865" width="1.6640625" style="227" customWidth="1"/>
    <col min="4866" max="4866" width="4.88671875" style="227" customWidth="1"/>
    <col min="4867" max="4867" width="5.44140625" style="227" customWidth="1"/>
    <col min="4868" max="4868" width="2" style="227" customWidth="1"/>
    <col min="4869" max="4883" width="5.21875" style="227" customWidth="1"/>
    <col min="4884" max="5120" width="99.109375" style="227"/>
    <col min="5121" max="5121" width="1.6640625" style="227" customWidth="1"/>
    <col min="5122" max="5122" width="4.88671875" style="227" customWidth="1"/>
    <col min="5123" max="5123" width="5.44140625" style="227" customWidth="1"/>
    <col min="5124" max="5124" width="2" style="227" customWidth="1"/>
    <col min="5125" max="5139" width="5.21875" style="227" customWidth="1"/>
    <col min="5140" max="5376" width="99.109375" style="227"/>
    <col min="5377" max="5377" width="1.6640625" style="227" customWidth="1"/>
    <col min="5378" max="5378" width="4.88671875" style="227" customWidth="1"/>
    <col min="5379" max="5379" width="5.44140625" style="227" customWidth="1"/>
    <col min="5380" max="5380" width="2" style="227" customWidth="1"/>
    <col min="5381" max="5395" width="5.21875" style="227" customWidth="1"/>
    <col min="5396" max="5632" width="99.109375" style="227"/>
    <col min="5633" max="5633" width="1.6640625" style="227" customWidth="1"/>
    <col min="5634" max="5634" width="4.88671875" style="227" customWidth="1"/>
    <col min="5635" max="5635" width="5.44140625" style="227" customWidth="1"/>
    <col min="5636" max="5636" width="2" style="227" customWidth="1"/>
    <col min="5637" max="5651" width="5.21875" style="227" customWidth="1"/>
    <col min="5652" max="5888" width="99.109375" style="227"/>
    <col min="5889" max="5889" width="1.6640625" style="227" customWidth="1"/>
    <col min="5890" max="5890" width="4.88671875" style="227" customWidth="1"/>
    <col min="5891" max="5891" width="5.44140625" style="227" customWidth="1"/>
    <col min="5892" max="5892" width="2" style="227" customWidth="1"/>
    <col min="5893" max="5907" width="5.21875" style="227" customWidth="1"/>
    <col min="5908" max="6144" width="99.109375" style="227"/>
    <col min="6145" max="6145" width="1.6640625" style="227" customWidth="1"/>
    <col min="6146" max="6146" width="4.88671875" style="227" customWidth="1"/>
    <col min="6147" max="6147" width="5.44140625" style="227" customWidth="1"/>
    <col min="6148" max="6148" width="2" style="227" customWidth="1"/>
    <col min="6149" max="6163" width="5.21875" style="227" customWidth="1"/>
    <col min="6164" max="6400" width="99.109375" style="227"/>
    <col min="6401" max="6401" width="1.6640625" style="227" customWidth="1"/>
    <col min="6402" max="6402" width="4.88671875" style="227" customWidth="1"/>
    <col min="6403" max="6403" width="5.44140625" style="227" customWidth="1"/>
    <col min="6404" max="6404" width="2" style="227" customWidth="1"/>
    <col min="6405" max="6419" width="5.21875" style="227" customWidth="1"/>
    <col min="6420" max="6656" width="99.109375" style="227"/>
    <col min="6657" max="6657" width="1.6640625" style="227" customWidth="1"/>
    <col min="6658" max="6658" width="4.88671875" style="227" customWidth="1"/>
    <col min="6659" max="6659" width="5.44140625" style="227" customWidth="1"/>
    <col min="6660" max="6660" width="2" style="227" customWidth="1"/>
    <col min="6661" max="6675" width="5.21875" style="227" customWidth="1"/>
    <col min="6676" max="6912" width="99.109375" style="227"/>
    <col min="6913" max="6913" width="1.6640625" style="227" customWidth="1"/>
    <col min="6914" max="6914" width="4.88671875" style="227" customWidth="1"/>
    <col min="6915" max="6915" width="5.44140625" style="227" customWidth="1"/>
    <col min="6916" max="6916" width="2" style="227" customWidth="1"/>
    <col min="6917" max="6931" width="5.21875" style="227" customWidth="1"/>
    <col min="6932" max="7168" width="99.109375" style="227"/>
    <col min="7169" max="7169" width="1.6640625" style="227" customWidth="1"/>
    <col min="7170" max="7170" width="4.88671875" style="227" customWidth="1"/>
    <col min="7171" max="7171" width="5.44140625" style="227" customWidth="1"/>
    <col min="7172" max="7172" width="2" style="227" customWidth="1"/>
    <col min="7173" max="7187" width="5.21875" style="227" customWidth="1"/>
    <col min="7188" max="7424" width="99.109375" style="227"/>
    <col min="7425" max="7425" width="1.6640625" style="227" customWidth="1"/>
    <col min="7426" max="7426" width="4.88671875" style="227" customWidth="1"/>
    <col min="7427" max="7427" width="5.44140625" style="227" customWidth="1"/>
    <col min="7428" max="7428" width="2" style="227" customWidth="1"/>
    <col min="7429" max="7443" width="5.21875" style="227" customWidth="1"/>
    <col min="7444" max="7680" width="99.109375" style="227"/>
    <col min="7681" max="7681" width="1.6640625" style="227" customWidth="1"/>
    <col min="7682" max="7682" width="4.88671875" style="227" customWidth="1"/>
    <col min="7683" max="7683" width="5.44140625" style="227" customWidth="1"/>
    <col min="7684" max="7684" width="2" style="227" customWidth="1"/>
    <col min="7685" max="7699" width="5.21875" style="227" customWidth="1"/>
    <col min="7700" max="7936" width="99.109375" style="227"/>
    <col min="7937" max="7937" width="1.6640625" style="227" customWidth="1"/>
    <col min="7938" max="7938" width="4.88671875" style="227" customWidth="1"/>
    <col min="7939" max="7939" width="5.44140625" style="227" customWidth="1"/>
    <col min="7940" max="7940" width="2" style="227" customWidth="1"/>
    <col min="7941" max="7955" width="5.21875" style="227" customWidth="1"/>
    <col min="7956" max="8192" width="99.109375" style="227"/>
    <col min="8193" max="8193" width="1.6640625" style="227" customWidth="1"/>
    <col min="8194" max="8194" width="4.88671875" style="227" customWidth="1"/>
    <col min="8195" max="8195" width="5.44140625" style="227" customWidth="1"/>
    <col min="8196" max="8196" width="2" style="227" customWidth="1"/>
    <col min="8197" max="8211" width="5.21875" style="227" customWidth="1"/>
    <col min="8212" max="8448" width="99.109375" style="227"/>
    <col min="8449" max="8449" width="1.6640625" style="227" customWidth="1"/>
    <col min="8450" max="8450" width="4.88671875" style="227" customWidth="1"/>
    <col min="8451" max="8451" width="5.44140625" style="227" customWidth="1"/>
    <col min="8452" max="8452" width="2" style="227" customWidth="1"/>
    <col min="8453" max="8467" width="5.21875" style="227" customWidth="1"/>
    <col min="8468" max="8704" width="99.109375" style="227"/>
    <col min="8705" max="8705" width="1.6640625" style="227" customWidth="1"/>
    <col min="8706" max="8706" width="4.88671875" style="227" customWidth="1"/>
    <col min="8707" max="8707" width="5.44140625" style="227" customWidth="1"/>
    <col min="8708" max="8708" width="2" style="227" customWidth="1"/>
    <col min="8709" max="8723" width="5.21875" style="227" customWidth="1"/>
    <col min="8724" max="8960" width="99.109375" style="227"/>
    <col min="8961" max="8961" width="1.6640625" style="227" customWidth="1"/>
    <col min="8962" max="8962" width="4.88671875" style="227" customWidth="1"/>
    <col min="8963" max="8963" width="5.44140625" style="227" customWidth="1"/>
    <col min="8964" max="8964" width="2" style="227" customWidth="1"/>
    <col min="8965" max="8979" width="5.21875" style="227" customWidth="1"/>
    <col min="8980" max="9216" width="99.109375" style="227"/>
    <col min="9217" max="9217" width="1.6640625" style="227" customWidth="1"/>
    <col min="9218" max="9218" width="4.88671875" style="227" customWidth="1"/>
    <col min="9219" max="9219" width="5.44140625" style="227" customWidth="1"/>
    <col min="9220" max="9220" width="2" style="227" customWidth="1"/>
    <col min="9221" max="9235" width="5.21875" style="227" customWidth="1"/>
    <col min="9236" max="9472" width="99.109375" style="227"/>
    <col min="9473" max="9473" width="1.6640625" style="227" customWidth="1"/>
    <col min="9474" max="9474" width="4.88671875" style="227" customWidth="1"/>
    <col min="9475" max="9475" width="5.44140625" style="227" customWidth="1"/>
    <col min="9476" max="9476" width="2" style="227" customWidth="1"/>
    <col min="9477" max="9491" width="5.21875" style="227" customWidth="1"/>
    <col min="9492" max="9728" width="99.109375" style="227"/>
    <col min="9729" max="9729" width="1.6640625" style="227" customWidth="1"/>
    <col min="9730" max="9730" width="4.88671875" style="227" customWidth="1"/>
    <col min="9731" max="9731" width="5.44140625" style="227" customWidth="1"/>
    <col min="9732" max="9732" width="2" style="227" customWidth="1"/>
    <col min="9733" max="9747" width="5.21875" style="227" customWidth="1"/>
    <col min="9748" max="9984" width="99.109375" style="227"/>
    <col min="9985" max="9985" width="1.6640625" style="227" customWidth="1"/>
    <col min="9986" max="9986" width="4.88671875" style="227" customWidth="1"/>
    <col min="9987" max="9987" width="5.44140625" style="227" customWidth="1"/>
    <col min="9988" max="9988" width="2" style="227" customWidth="1"/>
    <col min="9989" max="10003" width="5.21875" style="227" customWidth="1"/>
    <col min="10004" max="10240" width="99.109375" style="227"/>
    <col min="10241" max="10241" width="1.6640625" style="227" customWidth="1"/>
    <col min="10242" max="10242" width="4.88671875" style="227" customWidth="1"/>
    <col min="10243" max="10243" width="5.44140625" style="227" customWidth="1"/>
    <col min="10244" max="10244" width="2" style="227" customWidth="1"/>
    <col min="10245" max="10259" width="5.21875" style="227" customWidth="1"/>
    <col min="10260" max="10496" width="99.109375" style="227"/>
    <col min="10497" max="10497" width="1.6640625" style="227" customWidth="1"/>
    <col min="10498" max="10498" width="4.88671875" style="227" customWidth="1"/>
    <col min="10499" max="10499" width="5.44140625" style="227" customWidth="1"/>
    <col min="10500" max="10500" width="2" style="227" customWidth="1"/>
    <col min="10501" max="10515" width="5.21875" style="227" customWidth="1"/>
    <col min="10516" max="10752" width="99.109375" style="227"/>
    <col min="10753" max="10753" width="1.6640625" style="227" customWidth="1"/>
    <col min="10754" max="10754" width="4.88671875" style="227" customWidth="1"/>
    <col min="10755" max="10755" width="5.44140625" style="227" customWidth="1"/>
    <col min="10756" max="10756" width="2" style="227" customWidth="1"/>
    <col min="10757" max="10771" width="5.21875" style="227" customWidth="1"/>
    <col min="10772" max="11008" width="99.109375" style="227"/>
    <col min="11009" max="11009" width="1.6640625" style="227" customWidth="1"/>
    <col min="11010" max="11010" width="4.88671875" style="227" customWidth="1"/>
    <col min="11011" max="11011" width="5.44140625" style="227" customWidth="1"/>
    <col min="11012" max="11012" width="2" style="227" customWidth="1"/>
    <col min="11013" max="11027" width="5.21875" style="227" customWidth="1"/>
    <col min="11028" max="11264" width="99.109375" style="227"/>
    <col min="11265" max="11265" width="1.6640625" style="227" customWidth="1"/>
    <col min="11266" max="11266" width="4.88671875" style="227" customWidth="1"/>
    <col min="11267" max="11267" width="5.44140625" style="227" customWidth="1"/>
    <col min="11268" max="11268" width="2" style="227" customWidth="1"/>
    <col min="11269" max="11283" width="5.21875" style="227" customWidth="1"/>
    <col min="11284" max="11520" width="99.109375" style="227"/>
    <col min="11521" max="11521" width="1.6640625" style="227" customWidth="1"/>
    <col min="11522" max="11522" width="4.88671875" style="227" customWidth="1"/>
    <col min="11523" max="11523" width="5.44140625" style="227" customWidth="1"/>
    <col min="11524" max="11524" width="2" style="227" customWidth="1"/>
    <col min="11525" max="11539" width="5.21875" style="227" customWidth="1"/>
    <col min="11540" max="11776" width="99.109375" style="227"/>
    <col min="11777" max="11777" width="1.6640625" style="227" customWidth="1"/>
    <col min="11778" max="11778" width="4.88671875" style="227" customWidth="1"/>
    <col min="11779" max="11779" width="5.44140625" style="227" customWidth="1"/>
    <col min="11780" max="11780" width="2" style="227" customWidth="1"/>
    <col min="11781" max="11795" width="5.21875" style="227" customWidth="1"/>
    <col min="11796" max="12032" width="99.109375" style="227"/>
    <col min="12033" max="12033" width="1.6640625" style="227" customWidth="1"/>
    <col min="12034" max="12034" width="4.88671875" style="227" customWidth="1"/>
    <col min="12035" max="12035" width="5.44140625" style="227" customWidth="1"/>
    <col min="12036" max="12036" width="2" style="227" customWidth="1"/>
    <col min="12037" max="12051" width="5.21875" style="227" customWidth="1"/>
    <col min="12052" max="12288" width="99.109375" style="227"/>
    <col min="12289" max="12289" width="1.6640625" style="227" customWidth="1"/>
    <col min="12290" max="12290" width="4.88671875" style="227" customWidth="1"/>
    <col min="12291" max="12291" width="5.44140625" style="227" customWidth="1"/>
    <col min="12292" max="12292" width="2" style="227" customWidth="1"/>
    <col min="12293" max="12307" width="5.21875" style="227" customWidth="1"/>
    <col min="12308" max="12544" width="99.109375" style="227"/>
    <col min="12545" max="12545" width="1.6640625" style="227" customWidth="1"/>
    <col min="12546" max="12546" width="4.88671875" style="227" customWidth="1"/>
    <col min="12547" max="12547" width="5.44140625" style="227" customWidth="1"/>
    <col min="12548" max="12548" width="2" style="227" customWidth="1"/>
    <col min="12549" max="12563" width="5.21875" style="227" customWidth="1"/>
    <col min="12564" max="12800" width="99.109375" style="227"/>
    <col min="12801" max="12801" width="1.6640625" style="227" customWidth="1"/>
    <col min="12802" max="12802" width="4.88671875" style="227" customWidth="1"/>
    <col min="12803" max="12803" width="5.44140625" style="227" customWidth="1"/>
    <col min="12804" max="12804" width="2" style="227" customWidth="1"/>
    <col min="12805" max="12819" width="5.21875" style="227" customWidth="1"/>
    <col min="12820" max="13056" width="99.109375" style="227"/>
    <col min="13057" max="13057" width="1.6640625" style="227" customWidth="1"/>
    <col min="13058" max="13058" width="4.88671875" style="227" customWidth="1"/>
    <col min="13059" max="13059" width="5.44140625" style="227" customWidth="1"/>
    <col min="13060" max="13060" width="2" style="227" customWidth="1"/>
    <col min="13061" max="13075" width="5.21875" style="227" customWidth="1"/>
    <col min="13076" max="13312" width="99.109375" style="227"/>
    <col min="13313" max="13313" width="1.6640625" style="227" customWidth="1"/>
    <col min="13314" max="13314" width="4.88671875" style="227" customWidth="1"/>
    <col min="13315" max="13315" width="5.44140625" style="227" customWidth="1"/>
    <col min="13316" max="13316" width="2" style="227" customWidth="1"/>
    <col min="13317" max="13331" width="5.21875" style="227" customWidth="1"/>
    <col min="13332" max="13568" width="99.109375" style="227"/>
    <col min="13569" max="13569" width="1.6640625" style="227" customWidth="1"/>
    <col min="13570" max="13570" width="4.88671875" style="227" customWidth="1"/>
    <col min="13571" max="13571" width="5.44140625" style="227" customWidth="1"/>
    <col min="13572" max="13572" width="2" style="227" customWidth="1"/>
    <col min="13573" max="13587" width="5.21875" style="227" customWidth="1"/>
    <col min="13588" max="13824" width="99.109375" style="227"/>
    <col min="13825" max="13825" width="1.6640625" style="227" customWidth="1"/>
    <col min="13826" max="13826" width="4.88671875" style="227" customWidth="1"/>
    <col min="13827" max="13827" width="5.44140625" style="227" customWidth="1"/>
    <col min="13828" max="13828" width="2" style="227" customWidth="1"/>
    <col min="13829" max="13843" width="5.21875" style="227" customWidth="1"/>
    <col min="13844" max="14080" width="99.109375" style="227"/>
    <col min="14081" max="14081" width="1.6640625" style="227" customWidth="1"/>
    <col min="14082" max="14082" width="4.88671875" style="227" customWidth="1"/>
    <col min="14083" max="14083" width="5.44140625" style="227" customWidth="1"/>
    <col min="14084" max="14084" width="2" style="227" customWidth="1"/>
    <col min="14085" max="14099" width="5.21875" style="227" customWidth="1"/>
    <col min="14100" max="14336" width="99.109375" style="227"/>
    <col min="14337" max="14337" width="1.6640625" style="227" customWidth="1"/>
    <col min="14338" max="14338" width="4.88671875" style="227" customWidth="1"/>
    <col min="14339" max="14339" width="5.44140625" style="227" customWidth="1"/>
    <col min="14340" max="14340" width="2" style="227" customWidth="1"/>
    <col min="14341" max="14355" width="5.21875" style="227" customWidth="1"/>
    <col min="14356" max="14592" width="99.109375" style="227"/>
    <col min="14593" max="14593" width="1.6640625" style="227" customWidth="1"/>
    <col min="14594" max="14594" width="4.88671875" style="227" customWidth="1"/>
    <col min="14595" max="14595" width="5.44140625" style="227" customWidth="1"/>
    <col min="14596" max="14596" width="2" style="227" customWidth="1"/>
    <col min="14597" max="14611" width="5.21875" style="227" customWidth="1"/>
    <col min="14612" max="14848" width="99.109375" style="227"/>
    <col min="14849" max="14849" width="1.6640625" style="227" customWidth="1"/>
    <col min="14850" max="14850" width="4.88671875" style="227" customWidth="1"/>
    <col min="14851" max="14851" width="5.44140625" style="227" customWidth="1"/>
    <col min="14852" max="14852" width="2" style="227" customWidth="1"/>
    <col min="14853" max="14867" width="5.21875" style="227" customWidth="1"/>
    <col min="14868" max="15104" width="99.109375" style="227"/>
    <col min="15105" max="15105" width="1.6640625" style="227" customWidth="1"/>
    <col min="15106" max="15106" width="4.88671875" style="227" customWidth="1"/>
    <col min="15107" max="15107" width="5.44140625" style="227" customWidth="1"/>
    <col min="15108" max="15108" width="2" style="227" customWidth="1"/>
    <col min="15109" max="15123" width="5.21875" style="227" customWidth="1"/>
    <col min="15124" max="15360" width="99.109375" style="227"/>
    <col min="15361" max="15361" width="1.6640625" style="227" customWidth="1"/>
    <col min="15362" max="15362" width="4.88671875" style="227" customWidth="1"/>
    <col min="15363" max="15363" width="5.44140625" style="227" customWidth="1"/>
    <col min="15364" max="15364" width="2" style="227" customWidth="1"/>
    <col min="15365" max="15379" width="5.21875" style="227" customWidth="1"/>
    <col min="15380" max="15616" width="99.109375" style="227"/>
    <col min="15617" max="15617" width="1.6640625" style="227" customWidth="1"/>
    <col min="15618" max="15618" width="4.88671875" style="227" customWidth="1"/>
    <col min="15619" max="15619" width="5.44140625" style="227" customWidth="1"/>
    <col min="15620" max="15620" width="2" style="227" customWidth="1"/>
    <col min="15621" max="15635" width="5.21875" style="227" customWidth="1"/>
    <col min="15636" max="15872" width="99.109375" style="227"/>
    <col min="15873" max="15873" width="1.6640625" style="227" customWidth="1"/>
    <col min="15874" max="15874" width="4.88671875" style="227" customWidth="1"/>
    <col min="15875" max="15875" width="5.44140625" style="227" customWidth="1"/>
    <col min="15876" max="15876" width="2" style="227" customWidth="1"/>
    <col min="15877" max="15891" width="5.21875" style="227" customWidth="1"/>
    <col min="15892" max="16128" width="99.109375" style="227"/>
    <col min="16129" max="16129" width="1.6640625" style="227" customWidth="1"/>
    <col min="16130" max="16130" width="4.88671875" style="227" customWidth="1"/>
    <col min="16131" max="16131" width="5.44140625" style="227" customWidth="1"/>
    <col min="16132" max="16132" width="2" style="227" customWidth="1"/>
    <col min="16133" max="16147" width="5.21875" style="227" customWidth="1"/>
    <col min="16148" max="16384" width="99.109375" style="227"/>
  </cols>
  <sheetData>
    <row r="1" spans="1:19" ht="18" customHeight="1">
      <c r="A1" s="225"/>
      <c r="B1" s="225" t="s">
        <v>331</v>
      </c>
      <c r="C1" s="225"/>
      <c r="D1" s="225"/>
      <c r="E1" s="1499" t="s">
        <v>965</v>
      </c>
      <c r="F1" s="1499"/>
      <c r="G1" s="1499"/>
      <c r="H1" s="1499"/>
      <c r="I1" s="1499"/>
      <c r="J1" s="225"/>
      <c r="K1" s="225"/>
      <c r="L1" s="225"/>
      <c r="M1" s="225"/>
      <c r="N1" s="225"/>
      <c r="O1" s="225"/>
      <c r="P1" s="225"/>
      <c r="Q1" s="225"/>
      <c r="R1" s="226"/>
      <c r="S1" s="226"/>
    </row>
    <row r="2" spans="1:19" ht="8.25" customHeight="1">
      <c r="A2" s="225"/>
      <c r="B2" s="225"/>
      <c r="C2" s="225"/>
      <c r="D2" s="225"/>
      <c r="E2" s="225"/>
      <c r="F2" s="225"/>
      <c r="G2" s="225"/>
      <c r="H2" s="225"/>
      <c r="I2" s="225"/>
      <c r="J2" s="225"/>
      <c r="K2" s="225"/>
      <c r="L2" s="225"/>
      <c r="M2" s="225"/>
      <c r="N2" s="225"/>
      <c r="O2" s="225"/>
      <c r="P2" s="225"/>
      <c r="Q2" s="225"/>
      <c r="R2" s="226"/>
      <c r="S2" s="226"/>
    </row>
    <row r="3" spans="1:19" ht="14.25" customHeight="1">
      <c r="A3" s="225"/>
      <c r="B3" s="225" t="s">
        <v>332</v>
      </c>
      <c r="C3" s="225"/>
      <c r="D3" s="225"/>
      <c r="E3" s="225"/>
      <c r="F3" s="225"/>
      <c r="G3" s="225"/>
      <c r="H3" s="225"/>
      <c r="I3" s="225"/>
      <c r="J3" s="225"/>
      <c r="K3" s="225"/>
      <c r="L3" s="225"/>
      <c r="M3" s="225"/>
      <c r="N3" s="225"/>
      <c r="O3" s="225"/>
      <c r="P3" s="225"/>
      <c r="Q3" s="225"/>
      <c r="R3" s="226"/>
      <c r="S3" s="226"/>
    </row>
    <row r="4" spans="1:19" ht="14.25" customHeight="1">
      <c r="A4" s="225"/>
      <c r="B4" s="225"/>
      <c r="C4" s="225" t="s">
        <v>333</v>
      </c>
      <c r="D4" s="225"/>
      <c r="E4" s="225"/>
      <c r="F4" s="225"/>
      <c r="G4" s="225"/>
      <c r="H4" s="225"/>
      <c r="I4" s="225"/>
      <c r="J4" s="225"/>
      <c r="K4" s="225"/>
      <c r="L4" s="225"/>
      <c r="M4" s="225"/>
      <c r="N4" s="225"/>
      <c r="O4" s="225"/>
      <c r="P4" s="225"/>
      <c r="Q4" s="225"/>
      <c r="R4" s="226"/>
      <c r="S4" s="226"/>
    </row>
    <row r="5" spans="1:19" ht="14.25" customHeight="1">
      <c r="A5" s="225"/>
      <c r="B5" s="225"/>
      <c r="C5" s="225" t="s">
        <v>334</v>
      </c>
      <c r="D5" s="225"/>
      <c r="E5" s="225"/>
      <c r="F5" s="225"/>
      <c r="G5" s="225"/>
      <c r="H5" s="225"/>
      <c r="I5" s="225"/>
      <c r="J5" s="225"/>
      <c r="K5" s="225"/>
      <c r="L5" s="225"/>
      <c r="M5" s="225"/>
      <c r="N5" s="225"/>
      <c r="O5" s="225"/>
      <c r="P5" s="225"/>
      <c r="Q5" s="225"/>
      <c r="R5" s="226"/>
      <c r="S5" s="226"/>
    </row>
    <row r="6" spans="1:19" ht="12">
      <c r="A6" s="225"/>
      <c r="B6" s="225"/>
      <c r="C6" s="225" t="s">
        <v>335</v>
      </c>
      <c r="D6" s="225"/>
      <c r="E6" s="225"/>
      <c r="F6" s="225"/>
      <c r="G6" s="225"/>
      <c r="H6" s="225"/>
      <c r="I6" s="225"/>
      <c r="J6" s="225"/>
      <c r="K6" s="225"/>
      <c r="L6" s="225"/>
      <c r="M6" s="225"/>
      <c r="N6" s="225"/>
      <c r="O6" s="225"/>
      <c r="P6" s="225"/>
      <c r="Q6" s="225"/>
      <c r="R6" s="226"/>
      <c r="S6" s="226"/>
    </row>
    <row r="7" spans="1:19" ht="9" customHeight="1">
      <c r="A7" s="225"/>
      <c r="B7" s="225"/>
      <c r="C7" s="225"/>
      <c r="D7" s="225"/>
      <c r="E7" s="225"/>
      <c r="F7" s="225"/>
      <c r="G7" s="225"/>
      <c r="H7" s="225"/>
      <c r="I7" s="225"/>
      <c r="J7" s="225"/>
      <c r="K7" s="225"/>
      <c r="L7" s="225"/>
      <c r="M7" s="225"/>
      <c r="N7" s="225"/>
      <c r="O7" s="225"/>
      <c r="P7" s="225"/>
      <c r="Q7" s="225"/>
      <c r="R7" s="226"/>
      <c r="S7" s="226"/>
    </row>
    <row r="8" spans="1:19" ht="14.25" customHeight="1">
      <c r="A8" s="225"/>
      <c r="B8" s="225" t="s">
        <v>336</v>
      </c>
      <c r="C8" s="225"/>
      <c r="D8" s="225"/>
      <c r="E8" s="225"/>
      <c r="F8" s="225"/>
      <c r="G8" s="225"/>
      <c r="H8" s="225"/>
      <c r="I8" s="225"/>
      <c r="J8" s="225"/>
      <c r="K8" s="225"/>
      <c r="L8" s="225"/>
      <c r="M8" s="225"/>
      <c r="N8" s="225"/>
      <c r="O8" s="225"/>
      <c r="P8" s="225"/>
      <c r="Q8" s="225"/>
      <c r="R8" s="226"/>
      <c r="S8" s="226"/>
    </row>
    <row r="9" spans="1:19" ht="8.25" customHeight="1">
      <c r="A9" s="225"/>
      <c r="B9" s="225"/>
      <c r="C9" s="225"/>
      <c r="D9" s="225"/>
      <c r="E9" s="225"/>
      <c r="F9" s="225"/>
      <c r="G9" s="225"/>
      <c r="H9" s="225"/>
      <c r="I9" s="225"/>
      <c r="J9" s="225"/>
      <c r="K9" s="225"/>
      <c r="L9" s="225"/>
      <c r="M9" s="225"/>
      <c r="N9" s="225"/>
      <c r="O9" s="225"/>
      <c r="P9" s="225"/>
      <c r="Q9" s="225"/>
      <c r="R9" s="226"/>
      <c r="S9" s="226"/>
    </row>
    <row r="10" spans="1:19" ht="15.75" customHeight="1" thickBot="1">
      <c r="A10" s="227"/>
      <c r="B10" s="878" t="s">
        <v>1114</v>
      </c>
      <c r="C10" s="228"/>
      <c r="D10" s="228"/>
      <c r="E10" s="228"/>
      <c r="F10" s="228"/>
      <c r="G10" s="228"/>
      <c r="H10" s="228"/>
      <c r="I10" s="228"/>
      <c r="J10" s="228"/>
      <c r="K10" s="228"/>
      <c r="L10" s="228"/>
      <c r="M10" s="228"/>
      <c r="N10" s="228"/>
      <c r="O10" s="228"/>
      <c r="P10" s="228"/>
      <c r="Q10" s="228"/>
      <c r="R10" s="226"/>
      <c r="S10" s="226"/>
    </row>
    <row r="11" spans="1:19" ht="15.75" customHeight="1" thickBot="1">
      <c r="A11" s="225"/>
      <c r="B11" s="1423"/>
      <c r="C11" s="1424"/>
      <c r="D11" s="1425"/>
      <c r="E11" s="229" t="s">
        <v>337</v>
      </c>
      <c r="F11" s="1426" t="s">
        <v>338</v>
      </c>
      <c r="G11" s="1427"/>
      <c r="H11" s="230">
        <v>4</v>
      </c>
      <c r="I11" s="231">
        <v>5</v>
      </c>
      <c r="J11" s="231">
        <v>6</v>
      </c>
      <c r="K11" s="231">
        <v>7</v>
      </c>
      <c r="L11" s="231">
        <v>8</v>
      </c>
      <c r="M11" s="231">
        <v>9</v>
      </c>
      <c r="N11" s="232">
        <v>10</v>
      </c>
      <c r="O11" s="232">
        <v>11</v>
      </c>
      <c r="P11" s="232">
        <v>12</v>
      </c>
      <c r="Q11" s="231">
        <v>1</v>
      </c>
      <c r="R11" s="231">
        <v>2</v>
      </c>
      <c r="S11" s="233">
        <v>3</v>
      </c>
    </row>
    <row r="12" spans="1:19" ht="15.75" customHeight="1">
      <c r="A12" s="225"/>
      <c r="B12" s="1428" t="s">
        <v>339</v>
      </c>
      <c r="C12" s="1429"/>
      <c r="D12" s="1430"/>
      <c r="E12" s="234"/>
      <c r="F12" s="1431" t="s">
        <v>340</v>
      </c>
      <c r="G12" s="1432"/>
      <c r="H12" s="864"/>
      <c r="I12" s="866"/>
      <c r="J12" s="866"/>
      <c r="K12" s="866"/>
      <c r="L12" s="866"/>
      <c r="M12" s="866"/>
      <c r="N12" s="866"/>
      <c r="O12" s="866"/>
      <c r="P12" s="866"/>
      <c r="Q12" s="866"/>
      <c r="R12" s="866"/>
      <c r="S12" s="723"/>
    </row>
    <row r="13" spans="1:19" ht="15.75" customHeight="1">
      <c r="A13" s="225"/>
      <c r="B13" s="1428" t="s">
        <v>341</v>
      </c>
      <c r="C13" s="1429"/>
      <c r="D13" s="1430"/>
      <c r="E13" s="234"/>
      <c r="F13" s="1433" t="s">
        <v>341</v>
      </c>
      <c r="G13" s="1434"/>
      <c r="H13" s="864"/>
      <c r="I13" s="863"/>
      <c r="J13" s="863"/>
      <c r="K13" s="863"/>
      <c r="L13" s="863"/>
      <c r="M13" s="863"/>
      <c r="N13" s="863"/>
      <c r="O13" s="863"/>
      <c r="P13" s="863"/>
      <c r="Q13" s="863"/>
      <c r="R13" s="863"/>
      <c r="S13" s="235"/>
    </row>
    <row r="14" spans="1:19" ht="15.75" customHeight="1">
      <c r="A14" s="225"/>
      <c r="B14" s="1428" t="s">
        <v>342</v>
      </c>
      <c r="C14" s="1429"/>
      <c r="D14" s="1430"/>
      <c r="E14" s="234"/>
      <c r="F14" s="1433" t="s">
        <v>342</v>
      </c>
      <c r="G14" s="1434"/>
      <c r="H14" s="864"/>
      <c r="I14" s="863"/>
      <c r="J14" s="863"/>
      <c r="K14" s="863"/>
      <c r="L14" s="863"/>
      <c r="M14" s="863"/>
      <c r="N14" s="863"/>
      <c r="O14" s="863"/>
      <c r="P14" s="863"/>
      <c r="Q14" s="863"/>
      <c r="R14" s="863"/>
      <c r="S14" s="235"/>
    </row>
    <row r="15" spans="1:19" ht="15.75" customHeight="1" thickBot="1">
      <c r="A15" s="225"/>
      <c r="B15" s="1435" t="s">
        <v>343</v>
      </c>
      <c r="C15" s="1436"/>
      <c r="D15" s="1437"/>
      <c r="E15" s="236"/>
      <c r="F15" s="1438" t="s">
        <v>344</v>
      </c>
      <c r="G15" s="1439"/>
      <c r="H15" s="877"/>
      <c r="I15" s="237"/>
      <c r="J15" s="237"/>
      <c r="K15" s="237"/>
      <c r="L15" s="237"/>
      <c r="M15" s="237"/>
      <c r="N15" s="237"/>
      <c r="O15" s="237"/>
      <c r="P15" s="237"/>
      <c r="Q15" s="237"/>
      <c r="R15" s="237"/>
      <c r="S15" s="238"/>
    </row>
    <row r="16" spans="1:19" ht="11.25" customHeight="1">
      <c r="A16" s="225"/>
      <c r="B16" s="239"/>
      <c r="C16" s="225"/>
      <c r="D16" s="225"/>
      <c r="E16" s="240"/>
      <c r="F16" s="225"/>
      <c r="G16" s="225"/>
      <c r="H16" s="852"/>
      <c r="I16" s="852"/>
      <c r="J16" s="852"/>
      <c r="K16" s="852"/>
      <c r="L16" s="852"/>
      <c r="M16" s="852"/>
      <c r="N16" s="852"/>
      <c r="O16" s="852"/>
      <c r="P16" s="852"/>
      <c r="Q16" s="852"/>
      <c r="R16" s="241"/>
      <c r="S16" s="241"/>
    </row>
    <row r="17" spans="1:20" ht="15.75" customHeight="1" thickBot="1">
      <c r="B17" s="878" t="s">
        <v>1115</v>
      </c>
      <c r="C17" s="228"/>
      <c r="D17" s="228"/>
      <c r="E17" s="236"/>
      <c r="F17" s="228"/>
      <c r="G17" s="228"/>
      <c r="H17" s="243"/>
      <c r="I17" s="243"/>
      <c r="J17" s="243"/>
      <c r="K17" s="243"/>
      <c r="L17" s="243"/>
      <c r="M17" s="243"/>
      <c r="N17" s="243"/>
      <c r="O17" s="243"/>
      <c r="P17" s="243"/>
      <c r="Q17" s="243"/>
      <c r="R17" s="241"/>
      <c r="S17" s="241"/>
    </row>
    <row r="18" spans="1:20" ht="15.75" customHeight="1" thickBot="1">
      <c r="A18" s="225"/>
      <c r="B18" s="1423"/>
      <c r="C18" s="1424"/>
      <c r="D18" s="1425"/>
      <c r="E18" s="244" t="s">
        <v>337</v>
      </c>
      <c r="F18" s="1426" t="s">
        <v>338</v>
      </c>
      <c r="G18" s="1427"/>
      <c r="H18" s="230">
        <v>4</v>
      </c>
      <c r="I18" s="231">
        <v>5</v>
      </c>
      <c r="J18" s="231">
        <v>6</v>
      </c>
      <c r="K18" s="231">
        <v>7</v>
      </c>
      <c r="L18" s="231">
        <v>8</v>
      </c>
      <c r="M18" s="231">
        <v>9</v>
      </c>
      <c r="N18" s="232">
        <v>10</v>
      </c>
      <c r="O18" s="232">
        <v>11</v>
      </c>
      <c r="P18" s="232">
        <v>12</v>
      </c>
      <c r="Q18" s="231">
        <v>1</v>
      </c>
      <c r="R18" s="231">
        <v>2</v>
      </c>
      <c r="S18" s="233">
        <v>3</v>
      </c>
    </row>
    <row r="19" spans="1:20" ht="15.75" customHeight="1">
      <c r="A19" s="225"/>
      <c r="B19" s="1428" t="s">
        <v>339</v>
      </c>
      <c r="C19" s="1429"/>
      <c r="D19" s="1430"/>
      <c r="E19" s="234"/>
      <c r="F19" s="1431" t="s">
        <v>340</v>
      </c>
      <c r="G19" s="1432"/>
      <c r="H19" s="864"/>
      <c r="I19" s="866"/>
      <c r="J19" s="866"/>
      <c r="K19" s="866"/>
      <c r="L19" s="866"/>
      <c r="M19" s="866"/>
      <c r="N19" s="866"/>
      <c r="O19" s="866"/>
      <c r="P19" s="866"/>
      <c r="Q19" s="866"/>
      <c r="R19" s="866"/>
      <c r="S19" s="723"/>
    </row>
    <row r="20" spans="1:20" ht="15.75" customHeight="1">
      <c r="A20" s="225"/>
      <c r="B20" s="1428" t="s">
        <v>341</v>
      </c>
      <c r="C20" s="1429"/>
      <c r="D20" s="1430"/>
      <c r="E20" s="234"/>
      <c r="F20" s="1433" t="s">
        <v>341</v>
      </c>
      <c r="G20" s="1434"/>
      <c r="H20" s="864"/>
      <c r="I20" s="863"/>
      <c r="J20" s="863"/>
      <c r="K20" s="863"/>
      <c r="L20" s="863"/>
      <c r="M20" s="863"/>
      <c r="N20" s="863"/>
      <c r="O20" s="863"/>
      <c r="P20" s="863"/>
      <c r="Q20" s="863"/>
      <c r="R20" s="863"/>
      <c r="S20" s="235"/>
    </row>
    <row r="21" spans="1:20" ht="15.75" customHeight="1">
      <c r="A21" s="225"/>
      <c r="B21" s="1428" t="s">
        <v>342</v>
      </c>
      <c r="C21" s="1429"/>
      <c r="D21" s="1430"/>
      <c r="E21" s="234"/>
      <c r="F21" s="1433" t="s">
        <v>342</v>
      </c>
      <c r="G21" s="1434"/>
      <c r="H21" s="864"/>
      <c r="I21" s="863"/>
      <c r="J21" s="863"/>
      <c r="K21" s="863"/>
      <c r="L21" s="863"/>
      <c r="M21" s="863"/>
      <c r="N21" s="863"/>
      <c r="O21" s="863"/>
      <c r="P21" s="863"/>
      <c r="Q21" s="863"/>
      <c r="R21" s="863"/>
      <c r="S21" s="235"/>
    </row>
    <row r="22" spans="1:20" ht="15.75" customHeight="1" thickBot="1">
      <c r="A22" s="225"/>
      <c r="B22" s="1435" t="s">
        <v>343</v>
      </c>
      <c r="C22" s="1436"/>
      <c r="D22" s="1437"/>
      <c r="E22" s="236"/>
      <c r="F22" s="1438" t="s">
        <v>344</v>
      </c>
      <c r="G22" s="1439"/>
      <c r="H22" s="877"/>
      <c r="I22" s="237"/>
      <c r="J22" s="237"/>
      <c r="K22" s="237"/>
      <c r="L22" s="237"/>
      <c r="M22" s="237"/>
      <c r="N22" s="237"/>
      <c r="O22" s="237"/>
      <c r="P22" s="237"/>
      <c r="Q22" s="237"/>
      <c r="R22" s="237"/>
      <c r="S22" s="238"/>
    </row>
    <row r="23" spans="1:20" ht="15.75" customHeight="1">
      <c r="A23" s="225"/>
      <c r="B23" s="225"/>
      <c r="C23" s="225"/>
      <c r="D23" s="225"/>
      <c r="E23" s="225"/>
      <c r="F23" s="225"/>
      <c r="G23" s="225"/>
      <c r="H23" s="225"/>
      <c r="I23" s="225"/>
      <c r="J23" s="225"/>
      <c r="K23" s="225"/>
      <c r="L23" s="225"/>
      <c r="M23" s="225"/>
      <c r="N23" s="225"/>
      <c r="O23" s="225"/>
      <c r="P23" s="225"/>
      <c r="Q23" s="225"/>
      <c r="R23" s="226"/>
      <c r="S23" s="226"/>
    </row>
    <row r="24" spans="1:20" ht="12.75" customHeight="1">
      <c r="A24" s="225"/>
      <c r="B24" s="225" t="s">
        <v>345</v>
      </c>
      <c r="C24" s="225"/>
      <c r="D24" s="225"/>
      <c r="E24" s="225"/>
      <c r="F24" s="225"/>
      <c r="G24" s="225"/>
      <c r="H24" s="225"/>
      <c r="I24" s="225"/>
      <c r="K24" s="225"/>
      <c r="L24" s="225"/>
      <c r="M24" s="225"/>
      <c r="N24" s="852" t="s">
        <v>1116</v>
      </c>
      <c r="O24" s="250"/>
      <c r="P24" s="250"/>
      <c r="Q24" s="225"/>
      <c r="R24" s="225"/>
      <c r="S24" s="226"/>
      <c r="T24" s="226"/>
    </row>
    <row r="25" spans="1:20" ht="8.25" customHeight="1" thickBot="1">
      <c r="A25" s="225"/>
      <c r="B25" s="225"/>
      <c r="C25" s="225"/>
      <c r="D25" s="225"/>
      <c r="E25" s="225"/>
      <c r="F25" s="225"/>
      <c r="G25" s="225"/>
      <c r="H25" s="225"/>
      <c r="I25" s="225"/>
      <c r="J25" s="225"/>
      <c r="K25" s="225"/>
      <c r="L25" s="225"/>
      <c r="M25" s="225"/>
      <c r="N25" s="225"/>
      <c r="O25" s="225"/>
      <c r="P25" s="225"/>
      <c r="Q25" s="225"/>
      <c r="R25" s="226"/>
      <c r="S25" s="226"/>
    </row>
    <row r="26" spans="1:20" ht="15.75" customHeight="1">
      <c r="A26" s="225"/>
      <c r="B26" s="1440" t="s">
        <v>346</v>
      </c>
      <c r="C26" s="1441"/>
      <c r="D26" s="1442"/>
      <c r="E26" s="251"/>
      <c r="F26" s="252"/>
      <c r="G26" s="867" t="s">
        <v>347</v>
      </c>
      <c r="H26" s="252"/>
      <c r="I26" s="252"/>
      <c r="J26" s="253"/>
      <c r="K26" s="1446" t="s">
        <v>348</v>
      </c>
      <c r="L26" s="1449" t="s">
        <v>349</v>
      </c>
      <c r="M26" s="1448" t="s">
        <v>350</v>
      </c>
      <c r="N26" s="1448" t="s">
        <v>351</v>
      </c>
      <c r="O26" s="1449" t="s">
        <v>352</v>
      </c>
      <c r="P26" s="1451" t="s">
        <v>353</v>
      </c>
      <c r="Q26" s="225"/>
      <c r="R26" s="225"/>
      <c r="S26" s="226"/>
      <c r="T26" s="226"/>
    </row>
    <row r="27" spans="1:20" ht="15.75" customHeight="1">
      <c r="A27" s="225"/>
      <c r="B27" s="1443"/>
      <c r="C27" s="1444"/>
      <c r="D27" s="1445"/>
      <c r="E27" s="254" t="s">
        <v>354</v>
      </c>
      <c r="F27" s="255" t="s">
        <v>355</v>
      </c>
      <c r="G27" s="255" t="s">
        <v>356</v>
      </c>
      <c r="H27" s="255" t="s">
        <v>966</v>
      </c>
      <c r="I27" s="255" t="s">
        <v>968</v>
      </c>
      <c r="J27" s="722" t="s">
        <v>967</v>
      </c>
      <c r="K27" s="1447"/>
      <c r="L27" s="1450"/>
      <c r="M27" s="1447"/>
      <c r="N27" s="1447"/>
      <c r="O27" s="1450"/>
      <c r="P27" s="1452"/>
      <c r="Q27" s="225"/>
      <c r="R27" s="225"/>
      <c r="S27" s="226"/>
      <c r="T27" s="226"/>
    </row>
    <row r="28" spans="1:20" ht="15.75" customHeight="1">
      <c r="A28" s="225"/>
      <c r="B28" s="1453" t="s">
        <v>357</v>
      </c>
      <c r="C28" s="1444"/>
      <c r="D28" s="1445"/>
      <c r="E28" s="256"/>
      <c r="F28" s="246"/>
      <c r="G28" s="246"/>
      <c r="H28" s="246"/>
      <c r="I28" s="246"/>
      <c r="J28" s="246"/>
      <c r="K28" s="246"/>
      <c r="L28" s="246"/>
      <c r="M28" s="257"/>
      <c r="N28" s="257"/>
      <c r="O28" s="246"/>
      <c r="P28" s="258"/>
      <c r="Q28" s="225"/>
      <c r="R28" s="225"/>
      <c r="S28" s="226"/>
      <c r="T28" s="226"/>
    </row>
    <row r="29" spans="1:20" ht="15.75" customHeight="1">
      <c r="A29" s="225"/>
      <c r="B29" s="1428" t="s">
        <v>358</v>
      </c>
      <c r="C29" s="1429"/>
      <c r="D29" s="1430"/>
      <c r="E29" s="259"/>
      <c r="F29" s="246"/>
      <c r="G29" s="246"/>
      <c r="H29" s="246"/>
      <c r="I29" s="246"/>
      <c r="J29" s="246"/>
      <c r="K29" s="246"/>
      <c r="L29" s="246"/>
      <c r="M29" s="257"/>
      <c r="N29" s="257"/>
      <c r="O29" s="246"/>
      <c r="P29" s="247"/>
      <c r="Q29" s="225"/>
      <c r="R29" s="225"/>
      <c r="S29" s="226"/>
      <c r="T29" s="226"/>
    </row>
    <row r="30" spans="1:20" ht="15.75" customHeight="1" thickBot="1">
      <c r="A30" s="225"/>
      <c r="B30" s="1435" t="s">
        <v>353</v>
      </c>
      <c r="C30" s="1436"/>
      <c r="D30" s="1437"/>
      <c r="E30" s="260"/>
      <c r="F30" s="248"/>
      <c r="G30" s="248"/>
      <c r="H30" s="248"/>
      <c r="I30" s="248"/>
      <c r="J30" s="248"/>
      <c r="K30" s="248"/>
      <c r="L30" s="248"/>
      <c r="M30" s="261"/>
      <c r="N30" s="261"/>
      <c r="O30" s="248"/>
      <c r="P30" s="249"/>
      <c r="Q30" s="225"/>
      <c r="R30" s="225"/>
      <c r="S30" s="226"/>
      <c r="T30" s="226"/>
    </row>
    <row r="31" spans="1:20" ht="11.25" customHeight="1">
      <c r="A31" s="225"/>
      <c r="B31" s="225"/>
      <c r="C31" s="225"/>
      <c r="D31" s="225"/>
      <c r="E31" s="225"/>
      <c r="F31" s="225"/>
      <c r="G31" s="225"/>
      <c r="H31" s="225"/>
      <c r="I31" s="225"/>
      <c r="J31" s="225"/>
      <c r="K31" s="225"/>
      <c r="L31" s="225"/>
      <c r="M31" s="225"/>
      <c r="N31" s="225"/>
      <c r="O31" s="225"/>
      <c r="P31" s="225"/>
      <c r="Q31" s="225"/>
      <c r="R31" s="226"/>
      <c r="S31" s="226"/>
    </row>
    <row r="32" spans="1:20" ht="12.75" customHeight="1">
      <c r="A32" s="225"/>
      <c r="B32" s="225" t="s">
        <v>359</v>
      </c>
      <c r="C32" s="225"/>
      <c r="D32" s="225"/>
      <c r="E32" s="225"/>
      <c r="F32" s="225"/>
      <c r="G32" s="225"/>
      <c r="H32" s="225"/>
      <c r="I32" s="225"/>
      <c r="J32" s="225"/>
      <c r="K32" s="225"/>
      <c r="L32" s="225"/>
      <c r="M32" s="225"/>
      <c r="N32" s="225"/>
      <c r="O32" s="225"/>
      <c r="P32" s="225"/>
      <c r="Q32" s="225"/>
      <c r="R32" s="226"/>
      <c r="S32" s="226"/>
    </row>
    <row r="33" spans="1:19" ht="6.75" customHeight="1">
      <c r="A33" s="225"/>
      <c r="B33" s="225"/>
      <c r="C33" s="225"/>
      <c r="D33" s="225"/>
      <c r="E33" s="225"/>
      <c r="F33" s="225"/>
      <c r="G33" s="225"/>
      <c r="H33" s="225"/>
      <c r="I33" s="225"/>
      <c r="J33" s="225"/>
      <c r="K33" s="225"/>
      <c r="L33" s="225"/>
      <c r="M33" s="225"/>
      <c r="N33" s="225"/>
      <c r="O33" s="225"/>
      <c r="P33" s="225"/>
      <c r="Q33" s="225"/>
      <c r="R33" s="226"/>
      <c r="S33" s="226"/>
    </row>
    <row r="34" spans="1:19" ht="15.75" customHeight="1" thickBot="1">
      <c r="A34" s="878"/>
      <c r="B34" s="878" t="s">
        <v>360</v>
      </c>
      <c r="C34" s="228"/>
      <c r="D34" s="228"/>
      <c r="E34" s="228"/>
      <c r="F34" s="225"/>
      <c r="G34" s="228"/>
      <c r="H34" s="228"/>
      <c r="I34" s="228"/>
      <c r="J34" s="225" t="s">
        <v>361</v>
      </c>
      <c r="K34" s="225"/>
      <c r="L34" s="225"/>
      <c r="M34" s="225"/>
      <c r="N34" s="225"/>
      <c r="O34" s="225"/>
      <c r="P34" s="225"/>
      <c r="Q34" s="225"/>
      <c r="R34" s="226"/>
      <c r="S34" s="226"/>
    </row>
    <row r="35" spans="1:19" ht="15.75" customHeight="1">
      <c r="A35" s="225"/>
      <c r="B35" s="1454" t="s">
        <v>362</v>
      </c>
      <c r="C35" s="1455"/>
      <c r="D35" s="1456"/>
      <c r="E35" s="1457" t="s">
        <v>1117</v>
      </c>
      <c r="F35" s="1442"/>
      <c r="G35" s="1457" t="s">
        <v>1114</v>
      </c>
      <c r="H35" s="1459"/>
      <c r="I35" s="239"/>
      <c r="J35" s="870"/>
      <c r="K35" s="262" t="s">
        <v>362</v>
      </c>
      <c r="L35" s="1457" t="s">
        <v>1117</v>
      </c>
      <c r="M35" s="1442"/>
      <c r="N35" s="1457" t="s">
        <v>1114</v>
      </c>
      <c r="O35" s="1459"/>
      <c r="P35" s="225"/>
      <c r="Q35" s="225"/>
      <c r="R35" s="226"/>
      <c r="S35" s="226"/>
    </row>
    <row r="36" spans="1:19" ht="15.75" customHeight="1">
      <c r="A36" s="225"/>
      <c r="B36" s="1461" t="s">
        <v>363</v>
      </c>
      <c r="C36" s="1462"/>
      <c r="D36" s="1463"/>
      <c r="E36" s="1458"/>
      <c r="F36" s="1445"/>
      <c r="G36" s="1458"/>
      <c r="H36" s="1460"/>
      <c r="I36" s="225"/>
      <c r="J36" s="868" t="s">
        <v>363</v>
      </c>
      <c r="K36" s="263"/>
      <c r="L36" s="1458"/>
      <c r="M36" s="1445"/>
      <c r="N36" s="1458"/>
      <c r="O36" s="1460"/>
      <c r="P36" s="225"/>
      <c r="Q36" s="225"/>
      <c r="R36" s="226"/>
      <c r="S36" s="226"/>
    </row>
    <row r="37" spans="1:19" ht="15.75" customHeight="1">
      <c r="A37" s="225"/>
      <c r="B37" s="1428" t="s">
        <v>364</v>
      </c>
      <c r="C37" s="1465"/>
      <c r="D37" s="1434"/>
      <c r="E37" s="264"/>
      <c r="F37" s="265"/>
      <c r="G37" s="264"/>
      <c r="H37" s="266"/>
      <c r="I37" s="225"/>
      <c r="J37" s="1453" t="s">
        <v>365</v>
      </c>
      <c r="K37" s="1466"/>
      <c r="L37" s="264"/>
      <c r="M37" s="259"/>
      <c r="N37" s="264"/>
      <c r="O37" s="266"/>
      <c r="P37" s="225"/>
      <c r="Q37" s="225"/>
      <c r="R37" s="226"/>
      <c r="S37" s="226"/>
    </row>
    <row r="38" spans="1:19" ht="15.75" customHeight="1">
      <c r="A38" s="225"/>
      <c r="B38" s="1428" t="s">
        <v>366</v>
      </c>
      <c r="C38" s="1465"/>
      <c r="D38" s="1434"/>
      <c r="E38" s="264"/>
      <c r="F38" s="265"/>
      <c r="G38" s="264"/>
      <c r="H38" s="267"/>
      <c r="I38" s="225"/>
      <c r="J38" s="1428" t="s">
        <v>367</v>
      </c>
      <c r="K38" s="1467"/>
      <c r="L38" s="264"/>
      <c r="M38" s="259"/>
      <c r="N38" s="264"/>
      <c r="O38" s="266"/>
      <c r="P38" s="225"/>
      <c r="Q38" s="225"/>
      <c r="R38" s="226"/>
      <c r="S38" s="226"/>
    </row>
    <row r="39" spans="1:19" ht="15.75" customHeight="1">
      <c r="A39" s="225"/>
      <c r="B39" s="1428" t="s">
        <v>368</v>
      </c>
      <c r="C39" s="1465"/>
      <c r="D39" s="1434"/>
      <c r="E39" s="264"/>
      <c r="F39" s="265"/>
      <c r="G39" s="264"/>
      <c r="H39" s="267"/>
      <c r="I39" s="225"/>
      <c r="J39" s="1428" t="s">
        <v>369</v>
      </c>
      <c r="K39" s="1434"/>
      <c r="L39" s="264"/>
      <c r="M39" s="259"/>
      <c r="N39" s="264"/>
      <c r="O39" s="266"/>
      <c r="P39" s="225"/>
      <c r="Q39" s="225"/>
      <c r="R39" s="226"/>
      <c r="S39" s="226"/>
    </row>
    <row r="40" spans="1:19" ht="15.75" customHeight="1">
      <c r="A40" s="225"/>
      <c r="B40" s="1428" t="s">
        <v>370</v>
      </c>
      <c r="C40" s="1465"/>
      <c r="D40" s="1434"/>
      <c r="E40" s="264"/>
      <c r="F40" s="265"/>
      <c r="G40" s="264"/>
      <c r="H40" s="267"/>
      <c r="I40" s="225"/>
      <c r="J40" s="1428" t="s">
        <v>371</v>
      </c>
      <c r="K40" s="1434"/>
      <c r="L40" s="264"/>
      <c r="M40" s="259"/>
      <c r="N40" s="264"/>
      <c r="O40" s="266"/>
      <c r="P40" s="225"/>
      <c r="Q40" s="225"/>
      <c r="R40" s="226"/>
      <c r="S40" s="226"/>
    </row>
    <row r="41" spans="1:19" ht="15.75" customHeight="1">
      <c r="A41" s="225"/>
      <c r="B41" s="1428" t="s">
        <v>372</v>
      </c>
      <c r="C41" s="1465"/>
      <c r="D41" s="1434"/>
      <c r="E41" s="264"/>
      <c r="F41" s="265"/>
      <c r="G41" s="264"/>
      <c r="H41" s="267"/>
      <c r="I41" s="225"/>
      <c r="J41" s="1428" t="s">
        <v>373</v>
      </c>
      <c r="K41" s="1434"/>
      <c r="L41" s="264"/>
      <c r="M41" s="259"/>
      <c r="N41" s="264"/>
      <c r="O41" s="266"/>
      <c r="P41" s="225"/>
      <c r="Q41" s="225"/>
      <c r="R41" s="226"/>
      <c r="S41" s="226"/>
    </row>
    <row r="42" spans="1:19" ht="15.75" customHeight="1">
      <c r="A42" s="225"/>
      <c r="B42" s="1464" t="s">
        <v>374</v>
      </c>
      <c r="C42" s="1465"/>
      <c r="D42" s="1434"/>
      <c r="E42" s="264"/>
      <c r="F42" s="265"/>
      <c r="G42" s="264"/>
      <c r="H42" s="267"/>
      <c r="I42" s="225"/>
      <c r="J42" s="1428" t="s">
        <v>375</v>
      </c>
      <c r="K42" s="1434"/>
      <c r="L42" s="264"/>
      <c r="M42" s="259"/>
      <c r="N42" s="264"/>
      <c r="O42" s="266"/>
      <c r="P42" s="225"/>
      <c r="Q42" s="225"/>
      <c r="R42" s="226"/>
      <c r="S42" s="226"/>
    </row>
    <row r="43" spans="1:19" ht="15.75" customHeight="1" thickBot="1">
      <c r="A43" s="225"/>
      <c r="B43" s="1505" t="s">
        <v>376</v>
      </c>
      <c r="C43" s="1506"/>
      <c r="D43" s="1507"/>
      <c r="E43" s="236"/>
      <c r="F43" s="268"/>
      <c r="G43" s="236"/>
      <c r="H43" s="269"/>
      <c r="I43" s="225"/>
      <c r="J43" s="1508" t="s">
        <v>377</v>
      </c>
      <c r="K43" s="1509"/>
      <c r="L43" s="270"/>
      <c r="M43" s="271"/>
      <c r="N43" s="270"/>
      <c r="O43" s="272"/>
      <c r="P43" s="225"/>
      <c r="Q43" s="225"/>
      <c r="R43" s="226"/>
      <c r="S43" s="226"/>
    </row>
    <row r="44" spans="1:19" ht="17.25" customHeight="1" thickBot="1">
      <c r="A44" s="225"/>
      <c r="B44" s="225"/>
      <c r="C44" s="225"/>
      <c r="D44" s="225"/>
      <c r="E44" s="225"/>
      <c r="F44" s="225"/>
      <c r="G44" s="225"/>
      <c r="H44" s="225"/>
      <c r="I44" s="225"/>
      <c r="J44" s="1435" t="s">
        <v>45</v>
      </c>
      <c r="K44" s="1439"/>
      <c r="L44" s="273"/>
      <c r="M44" s="260"/>
      <c r="N44" s="273"/>
      <c r="O44" s="274"/>
      <c r="P44" s="225"/>
      <c r="Q44" s="225"/>
      <c r="R44" s="226"/>
      <c r="S44" s="226"/>
    </row>
    <row r="45" spans="1:19" ht="15" customHeight="1" thickBot="1">
      <c r="A45" s="225"/>
      <c r="B45" s="225"/>
      <c r="C45" s="225"/>
      <c r="D45" s="225"/>
      <c r="E45" s="225"/>
      <c r="F45" s="225"/>
      <c r="G45" s="225"/>
      <c r="H45" s="225"/>
      <c r="I45" s="225"/>
      <c r="J45" s="1435" t="s">
        <v>376</v>
      </c>
      <c r="K45" s="1439"/>
      <c r="L45" s="273"/>
      <c r="M45" s="260"/>
      <c r="N45" s="273"/>
      <c r="O45" s="274"/>
      <c r="P45" s="225"/>
      <c r="Q45" s="225"/>
      <c r="R45" s="226"/>
      <c r="S45" s="226"/>
    </row>
    <row r="46" spans="1:19" ht="12">
      <c r="A46" s="225"/>
      <c r="B46" s="225"/>
      <c r="C46" s="225"/>
      <c r="D46" s="225"/>
      <c r="E46" s="225"/>
      <c r="F46" s="225"/>
      <c r="G46" s="225"/>
      <c r="H46" s="225"/>
      <c r="I46" s="225"/>
      <c r="J46" s="225"/>
      <c r="K46" s="225"/>
      <c r="L46" s="225"/>
      <c r="M46" s="225"/>
      <c r="N46" s="225"/>
      <c r="O46" s="225"/>
      <c r="P46" s="225"/>
      <c r="Q46" s="225"/>
      <c r="R46" s="226"/>
      <c r="S46" s="226"/>
    </row>
    <row r="47" spans="1:19" ht="12">
      <c r="A47" s="225"/>
      <c r="B47" s="225" t="s">
        <v>378</v>
      </c>
      <c r="C47" s="225"/>
      <c r="D47" s="225"/>
      <c r="E47" s="225"/>
      <c r="F47" s="225" t="s">
        <v>379</v>
      </c>
      <c r="G47" s="225"/>
      <c r="H47" s="225"/>
      <c r="I47" s="225"/>
      <c r="J47" s="225"/>
      <c r="K47" s="225"/>
      <c r="L47" s="225"/>
      <c r="M47" s="225"/>
      <c r="N47" s="225"/>
      <c r="O47" s="225"/>
      <c r="P47" s="225"/>
      <c r="Q47" s="225"/>
      <c r="R47" s="226"/>
      <c r="S47" s="226"/>
    </row>
    <row r="48" spans="1:19" ht="12.6" thickBot="1">
      <c r="A48" s="225"/>
      <c r="B48" s="225" t="s">
        <v>380</v>
      </c>
      <c r="C48" s="225"/>
      <c r="D48" s="225"/>
      <c r="E48" s="225"/>
      <c r="F48" s="225"/>
      <c r="G48" s="225"/>
      <c r="H48" s="225"/>
      <c r="I48" s="225"/>
      <c r="J48" s="225"/>
      <c r="K48" s="225"/>
      <c r="L48" s="225"/>
      <c r="M48" s="225"/>
      <c r="N48" s="225"/>
      <c r="O48" s="225"/>
      <c r="P48" s="225"/>
      <c r="Q48" s="225"/>
      <c r="R48" s="226"/>
      <c r="S48" s="226"/>
    </row>
    <row r="49" spans="1:19" ht="13.5" customHeight="1">
      <c r="A49" s="225"/>
      <c r="B49" s="1477" t="s">
        <v>381</v>
      </c>
      <c r="C49" s="1478"/>
      <c r="D49" s="1479"/>
      <c r="E49" s="1431" t="s">
        <v>382</v>
      </c>
      <c r="F49" s="1480"/>
      <c r="G49" s="1480"/>
      <c r="H49" s="1480"/>
      <c r="I49" s="1480"/>
      <c r="J49" s="1480"/>
      <c r="K49" s="1481"/>
      <c r="L49" s="1502" t="s">
        <v>383</v>
      </c>
      <c r="M49" s="1503"/>
      <c r="N49" s="1503"/>
      <c r="O49" s="1504"/>
      <c r="P49" s="1457" t="s">
        <v>384</v>
      </c>
      <c r="Q49" s="1468"/>
      <c r="R49" s="275"/>
    </row>
    <row r="50" spans="1:19" ht="10.5" customHeight="1">
      <c r="A50" s="225"/>
      <c r="B50" s="1461" t="s">
        <v>385</v>
      </c>
      <c r="C50" s="1471"/>
      <c r="D50" s="1472"/>
      <c r="E50" s="276" t="s">
        <v>386</v>
      </c>
      <c r="F50" s="276" t="s">
        <v>387</v>
      </c>
      <c r="G50" s="276" t="s">
        <v>388</v>
      </c>
      <c r="H50" s="276" t="s">
        <v>389</v>
      </c>
      <c r="I50" s="276" t="s">
        <v>390</v>
      </c>
      <c r="J50" s="277" t="s">
        <v>391</v>
      </c>
      <c r="K50" s="276" t="s">
        <v>392</v>
      </c>
      <c r="L50" s="1473" t="s">
        <v>393</v>
      </c>
      <c r="M50" s="1430"/>
      <c r="N50" s="1473" t="s">
        <v>394</v>
      </c>
      <c r="O50" s="1430"/>
      <c r="P50" s="1469"/>
      <c r="Q50" s="1470"/>
      <c r="R50" s="275"/>
    </row>
    <row r="51" spans="1:19" ht="8.25" customHeight="1">
      <c r="A51" s="225"/>
      <c r="B51" s="1474" t="s">
        <v>357</v>
      </c>
      <c r="C51" s="1475"/>
      <c r="D51" s="1476"/>
      <c r="E51" s="853"/>
      <c r="F51" s="278"/>
      <c r="G51" s="279"/>
      <c r="H51" s="279"/>
      <c r="I51" s="279"/>
      <c r="J51" s="279"/>
      <c r="K51" s="280"/>
      <c r="L51" s="855"/>
      <c r="M51" s="856"/>
      <c r="N51" s="855"/>
      <c r="O51" s="281"/>
      <c r="P51" s="855"/>
      <c r="Q51" s="282"/>
      <c r="R51" s="872"/>
    </row>
    <row r="52" spans="1:19" ht="8.25" customHeight="1">
      <c r="A52" s="225"/>
      <c r="B52" s="1443"/>
      <c r="C52" s="1444"/>
      <c r="D52" s="1445"/>
      <c r="E52" s="854"/>
      <c r="F52" s="283"/>
      <c r="G52" s="245"/>
      <c r="H52" s="245"/>
      <c r="I52" s="245"/>
      <c r="J52" s="245"/>
      <c r="K52" s="284"/>
      <c r="L52" s="857"/>
      <c r="M52" s="858"/>
      <c r="N52" s="857"/>
      <c r="O52" s="869"/>
      <c r="P52" s="857"/>
      <c r="Q52" s="285"/>
      <c r="R52" s="872"/>
    </row>
    <row r="53" spans="1:19" ht="8.25" customHeight="1">
      <c r="A53" s="225"/>
      <c r="B53" s="1487" t="s">
        <v>358</v>
      </c>
      <c r="C53" s="1488"/>
      <c r="D53" s="1489"/>
      <c r="E53" s="865"/>
      <c r="F53" s="286"/>
      <c r="G53" s="287"/>
      <c r="H53" s="287"/>
      <c r="I53" s="287"/>
      <c r="J53" s="287"/>
      <c r="K53" s="288"/>
      <c r="L53" s="855"/>
      <c r="M53" s="856"/>
      <c r="N53" s="855"/>
      <c r="O53" s="281"/>
      <c r="P53" s="855"/>
      <c r="Q53" s="282"/>
      <c r="R53" s="872"/>
    </row>
    <row r="54" spans="1:19" ht="9.75" customHeight="1">
      <c r="A54" s="225"/>
      <c r="B54" s="1443"/>
      <c r="C54" s="1444"/>
      <c r="D54" s="1445"/>
      <c r="E54" s="854"/>
      <c r="F54" s="283"/>
      <c r="G54" s="245"/>
      <c r="H54" s="245"/>
      <c r="I54" s="245"/>
      <c r="J54" s="245"/>
      <c r="K54" s="284"/>
      <c r="L54" s="857"/>
      <c r="M54" s="858"/>
      <c r="N54" s="857"/>
      <c r="O54" s="869"/>
      <c r="P54" s="857"/>
      <c r="Q54" s="285"/>
      <c r="R54" s="872"/>
    </row>
    <row r="55" spans="1:19" ht="9.75" customHeight="1">
      <c r="A55" s="225"/>
      <c r="B55" s="1474" t="s">
        <v>395</v>
      </c>
      <c r="C55" s="1475"/>
      <c r="D55" s="1476"/>
      <c r="E55" s="853"/>
      <c r="F55" s="278"/>
      <c r="G55" s="279"/>
      <c r="H55" s="279"/>
      <c r="I55" s="279"/>
      <c r="J55" s="279"/>
      <c r="K55" s="280"/>
      <c r="L55" s="289"/>
      <c r="M55" s="290"/>
      <c r="N55" s="289"/>
      <c r="O55" s="291"/>
      <c r="P55" s="289"/>
      <c r="Q55" s="292"/>
      <c r="R55" s="872"/>
    </row>
    <row r="56" spans="1:19" ht="14.25" customHeight="1" thickBot="1">
      <c r="A56" s="225"/>
      <c r="B56" s="1490"/>
      <c r="C56" s="1491"/>
      <c r="D56" s="1492"/>
      <c r="E56" s="859"/>
      <c r="F56" s="293"/>
      <c r="G56" s="294"/>
      <c r="H56" s="294"/>
      <c r="I56" s="294"/>
      <c r="J56" s="294"/>
      <c r="K56" s="295"/>
      <c r="L56" s="860"/>
      <c r="M56" s="861"/>
      <c r="N56" s="860"/>
      <c r="O56" s="296"/>
      <c r="P56" s="860"/>
      <c r="Q56" s="297"/>
      <c r="R56" s="872"/>
    </row>
    <row r="57" spans="1:19" ht="13.5" customHeight="1" thickBot="1">
      <c r="A57" s="225"/>
      <c r="B57" s="225"/>
      <c r="C57" s="225"/>
      <c r="D57" s="225"/>
      <c r="E57" s="225"/>
      <c r="F57" s="225"/>
      <c r="G57" s="225"/>
      <c r="H57" s="225"/>
      <c r="I57" s="225"/>
      <c r="J57" s="225"/>
      <c r="K57" s="225"/>
      <c r="L57" s="225"/>
      <c r="M57" s="225"/>
      <c r="N57" s="225"/>
      <c r="O57" s="225"/>
      <c r="P57" s="225"/>
      <c r="Q57" s="225"/>
      <c r="R57" s="226"/>
      <c r="S57" s="226"/>
    </row>
    <row r="58" spans="1:19" ht="13.5" customHeight="1">
      <c r="B58" s="1477" t="s">
        <v>381</v>
      </c>
      <c r="C58" s="1478"/>
      <c r="D58" s="1479"/>
      <c r="E58" s="1431" t="s">
        <v>396</v>
      </c>
      <c r="F58" s="1493"/>
      <c r="G58" s="1494"/>
      <c r="H58" s="1457" t="s">
        <v>397</v>
      </c>
      <c r="I58" s="1482"/>
      <c r="J58" s="1495"/>
      <c r="K58" s="1497" t="s">
        <v>398</v>
      </c>
      <c r="L58" s="1497" t="s">
        <v>399</v>
      </c>
      <c r="M58" s="1457" t="s">
        <v>400</v>
      </c>
      <c r="N58" s="1442"/>
      <c r="O58" s="1457" t="s">
        <v>401</v>
      </c>
      <c r="P58" s="1482"/>
      <c r="Q58" s="1468"/>
      <c r="R58" s="298"/>
    </row>
    <row r="59" spans="1:19" ht="10.5" customHeight="1">
      <c r="B59" s="1461" t="s">
        <v>385</v>
      </c>
      <c r="C59" s="1471"/>
      <c r="D59" s="1472"/>
      <c r="E59" s="862" t="s">
        <v>402</v>
      </c>
      <c r="F59" s="862" t="s">
        <v>403</v>
      </c>
      <c r="G59" s="862" t="s">
        <v>404</v>
      </c>
      <c r="H59" s="1469"/>
      <c r="I59" s="1483"/>
      <c r="J59" s="1496"/>
      <c r="K59" s="1498"/>
      <c r="L59" s="1498"/>
      <c r="M59" s="1458"/>
      <c r="N59" s="1445"/>
      <c r="O59" s="1469"/>
      <c r="P59" s="1483"/>
      <c r="Q59" s="1470"/>
      <c r="R59" s="298"/>
    </row>
    <row r="60" spans="1:19" ht="8.25" customHeight="1">
      <c r="B60" s="1474" t="s">
        <v>357</v>
      </c>
      <c r="C60" s="1475"/>
      <c r="D60" s="1476"/>
      <c r="E60" s="279"/>
      <c r="F60" s="279"/>
      <c r="G60" s="279"/>
      <c r="H60" s="279"/>
      <c r="I60" s="279"/>
      <c r="J60" s="280"/>
      <c r="K60" s="280"/>
      <c r="L60" s="280"/>
      <c r="M60" s="1484"/>
      <c r="N60" s="1485"/>
      <c r="O60" s="299"/>
      <c r="P60" s="856"/>
      <c r="Q60" s="282"/>
      <c r="R60" s="300"/>
      <c r="S60" s="228"/>
    </row>
    <row r="61" spans="1:19" ht="8.25" customHeight="1">
      <c r="B61" s="1443"/>
      <c r="C61" s="1444"/>
      <c r="D61" s="1445"/>
      <c r="E61" s="245"/>
      <c r="F61" s="245"/>
      <c r="G61" s="245"/>
      <c r="H61" s="245"/>
      <c r="I61" s="245"/>
      <c r="J61" s="284"/>
      <c r="K61" s="284"/>
      <c r="L61" s="284"/>
      <c r="M61" s="1486"/>
      <c r="N61" s="1462"/>
      <c r="O61" s="857"/>
      <c r="P61" s="858"/>
      <c r="Q61" s="285"/>
      <c r="R61" s="300"/>
      <c r="S61" s="228"/>
    </row>
    <row r="62" spans="1:19" ht="8.25" customHeight="1">
      <c r="B62" s="1474" t="s">
        <v>358</v>
      </c>
      <c r="C62" s="1475"/>
      <c r="D62" s="1476"/>
      <c r="E62" s="279"/>
      <c r="F62" s="279"/>
      <c r="G62" s="279"/>
      <c r="H62" s="279"/>
      <c r="I62" s="279"/>
      <c r="J62" s="280"/>
      <c r="K62" s="280"/>
      <c r="L62" s="280"/>
      <c r="M62" s="1484"/>
      <c r="N62" s="1485"/>
      <c r="O62" s="299"/>
      <c r="P62" s="856"/>
      <c r="Q62" s="282"/>
      <c r="R62" s="300"/>
      <c r="S62" s="228"/>
    </row>
    <row r="63" spans="1:19" ht="9.75" customHeight="1">
      <c r="B63" s="1443"/>
      <c r="C63" s="1444"/>
      <c r="D63" s="1445"/>
      <c r="E63" s="245"/>
      <c r="F63" s="245"/>
      <c r="G63" s="245"/>
      <c r="H63" s="245"/>
      <c r="I63" s="245"/>
      <c r="J63" s="284"/>
      <c r="K63" s="284"/>
      <c r="L63" s="284"/>
      <c r="M63" s="1486"/>
      <c r="N63" s="1462"/>
      <c r="O63" s="857"/>
      <c r="P63" s="858"/>
      <c r="Q63" s="285"/>
      <c r="R63" s="300"/>
      <c r="S63" s="228"/>
    </row>
    <row r="64" spans="1:19" ht="9.75" customHeight="1">
      <c r="B64" s="1474" t="s">
        <v>395</v>
      </c>
      <c r="C64" s="1475"/>
      <c r="D64" s="1476"/>
      <c r="E64" s="279"/>
      <c r="F64" s="279"/>
      <c r="G64" s="279"/>
      <c r="H64" s="279"/>
      <c r="I64" s="279"/>
      <c r="J64" s="280"/>
      <c r="K64" s="280"/>
      <c r="L64" s="280"/>
      <c r="M64" s="1484"/>
      <c r="N64" s="1485"/>
      <c r="O64" s="299"/>
      <c r="P64" s="856"/>
      <c r="Q64" s="282"/>
      <c r="R64" s="300"/>
      <c r="S64" s="228"/>
    </row>
    <row r="65" spans="2:19" ht="13.8" thickBot="1">
      <c r="B65" s="1490"/>
      <c r="C65" s="1491"/>
      <c r="D65" s="1492"/>
      <c r="E65" s="294"/>
      <c r="F65" s="294"/>
      <c r="G65" s="294"/>
      <c r="H65" s="294"/>
      <c r="I65" s="294"/>
      <c r="J65" s="295"/>
      <c r="K65" s="295"/>
      <c r="L65" s="295"/>
      <c r="M65" s="1500"/>
      <c r="N65" s="1501"/>
      <c r="O65" s="860"/>
      <c r="P65" s="861"/>
      <c r="Q65" s="297"/>
      <c r="R65" s="300"/>
      <c r="S65" s="228"/>
    </row>
  </sheetData>
  <mergeCells count="78">
    <mergeCell ref="E1:F1"/>
    <mergeCell ref="G1:I1"/>
    <mergeCell ref="B62:D63"/>
    <mergeCell ref="M62:N63"/>
    <mergeCell ref="B64:D65"/>
    <mergeCell ref="M64:N65"/>
    <mergeCell ref="L58:L59"/>
    <mergeCell ref="M58:N59"/>
    <mergeCell ref="L49:O49"/>
    <mergeCell ref="B43:D43"/>
    <mergeCell ref="J43:K43"/>
    <mergeCell ref="J44:K44"/>
    <mergeCell ref="J45:K45"/>
    <mergeCell ref="B40:D40"/>
    <mergeCell ref="J40:K40"/>
    <mergeCell ref="B41:D41"/>
    <mergeCell ref="O58:Q59"/>
    <mergeCell ref="B59:D59"/>
    <mergeCell ref="B60:D61"/>
    <mergeCell ref="M60:N61"/>
    <mergeCell ref="B53:D54"/>
    <mergeCell ref="B55:D56"/>
    <mergeCell ref="B58:D58"/>
    <mergeCell ref="E58:G58"/>
    <mergeCell ref="H58:J59"/>
    <mergeCell ref="K58:K59"/>
    <mergeCell ref="P49:Q50"/>
    <mergeCell ref="B50:D50"/>
    <mergeCell ref="L50:M50"/>
    <mergeCell ref="N50:O50"/>
    <mergeCell ref="B51:D52"/>
    <mergeCell ref="B49:D49"/>
    <mergeCell ref="E49:K49"/>
    <mergeCell ref="J41:K41"/>
    <mergeCell ref="B42:D42"/>
    <mergeCell ref="J42:K42"/>
    <mergeCell ref="B37:D37"/>
    <mergeCell ref="J37:K37"/>
    <mergeCell ref="B38:D38"/>
    <mergeCell ref="J38:K38"/>
    <mergeCell ref="B39:D39"/>
    <mergeCell ref="J39:K39"/>
    <mergeCell ref="B35:D35"/>
    <mergeCell ref="E35:F36"/>
    <mergeCell ref="G35:H36"/>
    <mergeCell ref="L35:M36"/>
    <mergeCell ref="N35:O36"/>
    <mergeCell ref="B36:D36"/>
    <mergeCell ref="N26:N27"/>
    <mergeCell ref="O26:O27"/>
    <mergeCell ref="P26:P27"/>
    <mergeCell ref="B28:D28"/>
    <mergeCell ref="B29:D29"/>
    <mergeCell ref="L26:L27"/>
    <mergeCell ref="M26:M27"/>
    <mergeCell ref="B30:D30"/>
    <mergeCell ref="B22:D22"/>
    <mergeCell ref="F22:G22"/>
    <mergeCell ref="B26:D27"/>
    <mergeCell ref="K26:K27"/>
    <mergeCell ref="B19:D19"/>
    <mergeCell ref="F19:G19"/>
    <mergeCell ref="B20:D20"/>
    <mergeCell ref="F20:G20"/>
    <mergeCell ref="B21:D21"/>
    <mergeCell ref="F21:G21"/>
    <mergeCell ref="B14:D14"/>
    <mergeCell ref="F14:G14"/>
    <mergeCell ref="B15:D15"/>
    <mergeCell ref="F15:G15"/>
    <mergeCell ref="B18:D18"/>
    <mergeCell ref="F18:G18"/>
    <mergeCell ref="B11:D11"/>
    <mergeCell ref="F11:G11"/>
    <mergeCell ref="B12:D12"/>
    <mergeCell ref="F12:G12"/>
    <mergeCell ref="B13:D13"/>
    <mergeCell ref="F13:G13"/>
  </mergeCells>
  <phoneticPr fontId="3"/>
  <printOptions horizontalCentered="1" verticalCentered="1"/>
  <pageMargins left="0.78740157480314965" right="0.78740157480314965" top="0.59055118110236227" bottom="0.59055118110236227" header="0.51181102362204722" footer="0.51181102362204722"/>
  <pageSetup paperSize="9" scale="93" orientation="portrait" r:id="rId1"/>
  <headerFooter alignWithMargins="0">
    <oddFooter>&amp;C&amp;A</oddFooter>
  </headerFooter>
  <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dimension ref="A1:O55"/>
  <sheetViews>
    <sheetView view="pageBreakPreview" zoomScaleNormal="100" zoomScaleSheetLayoutView="100" workbookViewId="0">
      <selection activeCell="L6" sqref="A1:XFD1048576"/>
    </sheetView>
  </sheetViews>
  <sheetFormatPr defaultColWidth="99.109375" defaultRowHeight="10.8"/>
  <cols>
    <col min="1" max="1" width="2.33203125" style="242" customWidth="1"/>
    <col min="2" max="2" width="6" style="242" customWidth="1"/>
    <col min="3" max="6" width="6.109375" style="242" customWidth="1"/>
    <col min="7" max="15" width="6.109375" style="227" customWidth="1"/>
    <col min="16" max="20" width="6" style="227" customWidth="1"/>
    <col min="21" max="256" width="99.109375" style="227"/>
    <col min="257" max="257" width="2.33203125" style="227" customWidth="1"/>
    <col min="258" max="258" width="6" style="227" customWidth="1"/>
    <col min="259" max="271" width="6.109375" style="227" customWidth="1"/>
    <col min="272" max="276" width="6" style="227" customWidth="1"/>
    <col min="277" max="512" width="99.109375" style="227"/>
    <col min="513" max="513" width="2.33203125" style="227" customWidth="1"/>
    <col min="514" max="514" width="6" style="227" customWidth="1"/>
    <col min="515" max="527" width="6.109375" style="227" customWidth="1"/>
    <col min="528" max="532" width="6" style="227" customWidth="1"/>
    <col min="533" max="768" width="99.109375" style="227"/>
    <col min="769" max="769" width="2.33203125" style="227" customWidth="1"/>
    <col min="770" max="770" width="6" style="227" customWidth="1"/>
    <col min="771" max="783" width="6.109375" style="227" customWidth="1"/>
    <col min="784" max="788" width="6" style="227" customWidth="1"/>
    <col min="789" max="1024" width="99.109375" style="227"/>
    <col min="1025" max="1025" width="2.33203125" style="227" customWidth="1"/>
    <col min="1026" max="1026" width="6" style="227" customWidth="1"/>
    <col min="1027" max="1039" width="6.109375" style="227" customWidth="1"/>
    <col min="1040" max="1044" width="6" style="227" customWidth="1"/>
    <col min="1045" max="1280" width="99.109375" style="227"/>
    <col min="1281" max="1281" width="2.33203125" style="227" customWidth="1"/>
    <col min="1282" max="1282" width="6" style="227" customWidth="1"/>
    <col min="1283" max="1295" width="6.109375" style="227" customWidth="1"/>
    <col min="1296" max="1300" width="6" style="227" customWidth="1"/>
    <col min="1301" max="1536" width="99.109375" style="227"/>
    <col min="1537" max="1537" width="2.33203125" style="227" customWidth="1"/>
    <col min="1538" max="1538" width="6" style="227" customWidth="1"/>
    <col min="1539" max="1551" width="6.109375" style="227" customWidth="1"/>
    <col min="1552" max="1556" width="6" style="227" customWidth="1"/>
    <col min="1557" max="1792" width="99.109375" style="227"/>
    <col min="1793" max="1793" width="2.33203125" style="227" customWidth="1"/>
    <col min="1794" max="1794" width="6" style="227" customWidth="1"/>
    <col min="1795" max="1807" width="6.109375" style="227" customWidth="1"/>
    <col min="1808" max="1812" width="6" style="227" customWidth="1"/>
    <col min="1813" max="2048" width="99.109375" style="227"/>
    <col min="2049" max="2049" width="2.33203125" style="227" customWidth="1"/>
    <col min="2050" max="2050" width="6" style="227" customWidth="1"/>
    <col min="2051" max="2063" width="6.109375" style="227" customWidth="1"/>
    <col min="2064" max="2068" width="6" style="227" customWidth="1"/>
    <col min="2069" max="2304" width="99.109375" style="227"/>
    <col min="2305" max="2305" width="2.33203125" style="227" customWidth="1"/>
    <col min="2306" max="2306" width="6" style="227" customWidth="1"/>
    <col min="2307" max="2319" width="6.109375" style="227" customWidth="1"/>
    <col min="2320" max="2324" width="6" style="227" customWidth="1"/>
    <col min="2325" max="2560" width="99.109375" style="227"/>
    <col min="2561" max="2561" width="2.33203125" style="227" customWidth="1"/>
    <col min="2562" max="2562" width="6" style="227" customWidth="1"/>
    <col min="2563" max="2575" width="6.109375" style="227" customWidth="1"/>
    <col min="2576" max="2580" width="6" style="227" customWidth="1"/>
    <col min="2581" max="2816" width="99.109375" style="227"/>
    <col min="2817" max="2817" width="2.33203125" style="227" customWidth="1"/>
    <col min="2818" max="2818" width="6" style="227" customWidth="1"/>
    <col min="2819" max="2831" width="6.109375" style="227" customWidth="1"/>
    <col min="2832" max="2836" width="6" style="227" customWidth="1"/>
    <col min="2837" max="3072" width="99.109375" style="227"/>
    <col min="3073" max="3073" width="2.33203125" style="227" customWidth="1"/>
    <col min="3074" max="3074" width="6" style="227" customWidth="1"/>
    <col min="3075" max="3087" width="6.109375" style="227" customWidth="1"/>
    <col min="3088" max="3092" width="6" style="227" customWidth="1"/>
    <col min="3093" max="3328" width="99.109375" style="227"/>
    <col min="3329" max="3329" width="2.33203125" style="227" customWidth="1"/>
    <col min="3330" max="3330" width="6" style="227" customWidth="1"/>
    <col min="3331" max="3343" width="6.109375" style="227" customWidth="1"/>
    <col min="3344" max="3348" width="6" style="227" customWidth="1"/>
    <col min="3349" max="3584" width="99.109375" style="227"/>
    <col min="3585" max="3585" width="2.33203125" style="227" customWidth="1"/>
    <col min="3586" max="3586" width="6" style="227" customWidth="1"/>
    <col min="3587" max="3599" width="6.109375" style="227" customWidth="1"/>
    <col min="3600" max="3604" width="6" style="227" customWidth="1"/>
    <col min="3605" max="3840" width="99.109375" style="227"/>
    <col min="3841" max="3841" width="2.33203125" style="227" customWidth="1"/>
    <col min="3842" max="3842" width="6" style="227" customWidth="1"/>
    <col min="3843" max="3855" width="6.109375" style="227" customWidth="1"/>
    <col min="3856" max="3860" width="6" style="227" customWidth="1"/>
    <col min="3861" max="4096" width="99.109375" style="227"/>
    <col min="4097" max="4097" width="2.33203125" style="227" customWidth="1"/>
    <col min="4098" max="4098" width="6" style="227" customWidth="1"/>
    <col min="4099" max="4111" width="6.109375" style="227" customWidth="1"/>
    <col min="4112" max="4116" width="6" style="227" customWidth="1"/>
    <col min="4117" max="4352" width="99.109375" style="227"/>
    <col min="4353" max="4353" width="2.33203125" style="227" customWidth="1"/>
    <col min="4354" max="4354" width="6" style="227" customWidth="1"/>
    <col min="4355" max="4367" width="6.109375" style="227" customWidth="1"/>
    <col min="4368" max="4372" width="6" style="227" customWidth="1"/>
    <col min="4373" max="4608" width="99.109375" style="227"/>
    <col min="4609" max="4609" width="2.33203125" style="227" customWidth="1"/>
    <col min="4610" max="4610" width="6" style="227" customWidth="1"/>
    <col min="4611" max="4623" width="6.109375" style="227" customWidth="1"/>
    <col min="4624" max="4628" width="6" style="227" customWidth="1"/>
    <col min="4629" max="4864" width="99.109375" style="227"/>
    <col min="4865" max="4865" width="2.33203125" style="227" customWidth="1"/>
    <col min="4866" max="4866" width="6" style="227" customWidth="1"/>
    <col min="4867" max="4879" width="6.109375" style="227" customWidth="1"/>
    <col min="4880" max="4884" width="6" style="227" customWidth="1"/>
    <col min="4885" max="5120" width="99.109375" style="227"/>
    <col min="5121" max="5121" width="2.33203125" style="227" customWidth="1"/>
    <col min="5122" max="5122" width="6" style="227" customWidth="1"/>
    <col min="5123" max="5135" width="6.109375" style="227" customWidth="1"/>
    <col min="5136" max="5140" width="6" style="227" customWidth="1"/>
    <col min="5141" max="5376" width="99.109375" style="227"/>
    <col min="5377" max="5377" width="2.33203125" style="227" customWidth="1"/>
    <col min="5378" max="5378" width="6" style="227" customWidth="1"/>
    <col min="5379" max="5391" width="6.109375" style="227" customWidth="1"/>
    <col min="5392" max="5396" width="6" style="227" customWidth="1"/>
    <col min="5397" max="5632" width="99.109375" style="227"/>
    <col min="5633" max="5633" width="2.33203125" style="227" customWidth="1"/>
    <col min="5634" max="5634" width="6" style="227" customWidth="1"/>
    <col min="5635" max="5647" width="6.109375" style="227" customWidth="1"/>
    <col min="5648" max="5652" width="6" style="227" customWidth="1"/>
    <col min="5653" max="5888" width="99.109375" style="227"/>
    <col min="5889" max="5889" width="2.33203125" style="227" customWidth="1"/>
    <col min="5890" max="5890" width="6" style="227" customWidth="1"/>
    <col min="5891" max="5903" width="6.109375" style="227" customWidth="1"/>
    <col min="5904" max="5908" width="6" style="227" customWidth="1"/>
    <col min="5909" max="6144" width="99.109375" style="227"/>
    <col min="6145" max="6145" width="2.33203125" style="227" customWidth="1"/>
    <col min="6146" max="6146" width="6" style="227" customWidth="1"/>
    <col min="6147" max="6159" width="6.109375" style="227" customWidth="1"/>
    <col min="6160" max="6164" width="6" style="227" customWidth="1"/>
    <col min="6165" max="6400" width="99.109375" style="227"/>
    <col min="6401" max="6401" width="2.33203125" style="227" customWidth="1"/>
    <col min="6402" max="6402" width="6" style="227" customWidth="1"/>
    <col min="6403" max="6415" width="6.109375" style="227" customWidth="1"/>
    <col min="6416" max="6420" width="6" style="227" customWidth="1"/>
    <col min="6421" max="6656" width="99.109375" style="227"/>
    <col min="6657" max="6657" width="2.33203125" style="227" customWidth="1"/>
    <col min="6658" max="6658" width="6" style="227" customWidth="1"/>
    <col min="6659" max="6671" width="6.109375" style="227" customWidth="1"/>
    <col min="6672" max="6676" width="6" style="227" customWidth="1"/>
    <col min="6677" max="6912" width="99.109375" style="227"/>
    <col min="6913" max="6913" width="2.33203125" style="227" customWidth="1"/>
    <col min="6914" max="6914" width="6" style="227" customWidth="1"/>
    <col min="6915" max="6927" width="6.109375" style="227" customWidth="1"/>
    <col min="6928" max="6932" width="6" style="227" customWidth="1"/>
    <col min="6933" max="7168" width="99.109375" style="227"/>
    <col min="7169" max="7169" width="2.33203125" style="227" customWidth="1"/>
    <col min="7170" max="7170" width="6" style="227" customWidth="1"/>
    <col min="7171" max="7183" width="6.109375" style="227" customWidth="1"/>
    <col min="7184" max="7188" width="6" style="227" customWidth="1"/>
    <col min="7189" max="7424" width="99.109375" style="227"/>
    <col min="7425" max="7425" width="2.33203125" style="227" customWidth="1"/>
    <col min="7426" max="7426" width="6" style="227" customWidth="1"/>
    <col min="7427" max="7439" width="6.109375" style="227" customWidth="1"/>
    <col min="7440" max="7444" width="6" style="227" customWidth="1"/>
    <col min="7445" max="7680" width="99.109375" style="227"/>
    <col min="7681" max="7681" width="2.33203125" style="227" customWidth="1"/>
    <col min="7682" max="7682" width="6" style="227" customWidth="1"/>
    <col min="7683" max="7695" width="6.109375" style="227" customWidth="1"/>
    <col min="7696" max="7700" width="6" style="227" customWidth="1"/>
    <col min="7701" max="7936" width="99.109375" style="227"/>
    <col min="7937" max="7937" width="2.33203125" style="227" customWidth="1"/>
    <col min="7938" max="7938" width="6" style="227" customWidth="1"/>
    <col min="7939" max="7951" width="6.109375" style="227" customWidth="1"/>
    <col min="7952" max="7956" width="6" style="227" customWidth="1"/>
    <col min="7957" max="8192" width="99.109375" style="227"/>
    <col min="8193" max="8193" width="2.33203125" style="227" customWidth="1"/>
    <col min="8194" max="8194" width="6" style="227" customWidth="1"/>
    <col min="8195" max="8207" width="6.109375" style="227" customWidth="1"/>
    <col min="8208" max="8212" width="6" style="227" customWidth="1"/>
    <col min="8213" max="8448" width="99.109375" style="227"/>
    <col min="8449" max="8449" width="2.33203125" style="227" customWidth="1"/>
    <col min="8450" max="8450" width="6" style="227" customWidth="1"/>
    <col min="8451" max="8463" width="6.109375" style="227" customWidth="1"/>
    <col min="8464" max="8468" width="6" style="227" customWidth="1"/>
    <col min="8469" max="8704" width="99.109375" style="227"/>
    <col min="8705" max="8705" width="2.33203125" style="227" customWidth="1"/>
    <col min="8706" max="8706" width="6" style="227" customWidth="1"/>
    <col min="8707" max="8719" width="6.109375" style="227" customWidth="1"/>
    <col min="8720" max="8724" width="6" style="227" customWidth="1"/>
    <col min="8725" max="8960" width="99.109375" style="227"/>
    <col min="8961" max="8961" width="2.33203125" style="227" customWidth="1"/>
    <col min="8962" max="8962" width="6" style="227" customWidth="1"/>
    <col min="8963" max="8975" width="6.109375" style="227" customWidth="1"/>
    <col min="8976" max="8980" width="6" style="227" customWidth="1"/>
    <col min="8981" max="9216" width="99.109375" style="227"/>
    <col min="9217" max="9217" width="2.33203125" style="227" customWidth="1"/>
    <col min="9218" max="9218" width="6" style="227" customWidth="1"/>
    <col min="9219" max="9231" width="6.109375" style="227" customWidth="1"/>
    <col min="9232" max="9236" width="6" style="227" customWidth="1"/>
    <col min="9237" max="9472" width="99.109375" style="227"/>
    <col min="9473" max="9473" width="2.33203125" style="227" customWidth="1"/>
    <col min="9474" max="9474" width="6" style="227" customWidth="1"/>
    <col min="9475" max="9487" width="6.109375" style="227" customWidth="1"/>
    <col min="9488" max="9492" width="6" style="227" customWidth="1"/>
    <col min="9493" max="9728" width="99.109375" style="227"/>
    <col min="9729" max="9729" width="2.33203125" style="227" customWidth="1"/>
    <col min="9730" max="9730" width="6" style="227" customWidth="1"/>
    <col min="9731" max="9743" width="6.109375" style="227" customWidth="1"/>
    <col min="9744" max="9748" width="6" style="227" customWidth="1"/>
    <col min="9749" max="9984" width="99.109375" style="227"/>
    <col min="9985" max="9985" width="2.33203125" style="227" customWidth="1"/>
    <col min="9986" max="9986" width="6" style="227" customWidth="1"/>
    <col min="9987" max="9999" width="6.109375" style="227" customWidth="1"/>
    <col min="10000" max="10004" width="6" style="227" customWidth="1"/>
    <col min="10005" max="10240" width="99.109375" style="227"/>
    <col min="10241" max="10241" width="2.33203125" style="227" customWidth="1"/>
    <col min="10242" max="10242" width="6" style="227" customWidth="1"/>
    <col min="10243" max="10255" width="6.109375" style="227" customWidth="1"/>
    <col min="10256" max="10260" width="6" style="227" customWidth="1"/>
    <col min="10261" max="10496" width="99.109375" style="227"/>
    <col min="10497" max="10497" width="2.33203125" style="227" customWidth="1"/>
    <col min="10498" max="10498" width="6" style="227" customWidth="1"/>
    <col min="10499" max="10511" width="6.109375" style="227" customWidth="1"/>
    <col min="10512" max="10516" width="6" style="227" customWidth="1"/>
    <col min="10517" max="10752" width="99.109375" style="227"/>
    <col min="10753" max="10753" width="2.33203125" style="227" customWidth="1"/>
    <col min="10754" max="10754" width="6" style="227" customWidth="1"/>
    <col min="10755" max="10767" width="6.109375" style="227" customWidth="1"/>
    <col min="10768" max="10772" width="6" style="227" customWidth="1"/>
    <col min="10773" max="11008" width="99.109375" style="227"/>
    <col min="11009" max="11009" width="2.33203125" style="227" customWidth="1"/>
    <col min="11010" max="11010" width="6" style="227" customWidth="1"/>
    <col min="11011" max="11023" width="6.109375" style="227" customWidth="1"/>
    <col min="11024" max="11028" width="6" style="227" customWidth="1"/>
    <col min="11029" max="11264" width="99.109375" style="227"/>
    <col min="11265" max="11265" width="2.33203125" style="227" customWidth="1"/>
    <col min="11266" max="11266" width="6" style="227" customWidth="1"/>
    <col min="11267" max="11279" width="6.109375" style="227" customWidth="1"/>
    <col min="11280" max="11284" width="6" style="227" customWidth="1"/>
    <col min="11285" max="11520" width="99.109375" style="227"/>
    <col min="11521" max="11521" width="2.33203125" style="227" customWidth="1"/>
    <col min="11522" max="11522" width="6" style="227" customWidth="1"/>
    <col min="11523" max="11535" width="6.109375" style="227" customWidth="1"/>
    <col min="11536" max="11540" width="6" style="227" customWidth="1"/>
    <col min="11541" max="11776" width="99.109375" style="227"/>
    <col min="11777" max="11777" width="2.33203125" style="227" customWidth="1"/>
    <col min="11778" max="11778" width="6" style="227" customWidth="1"/>
    <col min="11779" max="11791" width="6.109375" style="227" customWidth="1"/>
    <col min="11792" max="11796" width="6" style="227" customWidth="1"/>
    <col min="11797" max="12032" width="99.109375" style="227"/>
    <col min="12033" max="12033" width="2.33203125" style="227" customWidth="1"/>
    <col min="12034" max="12034" width="6" style="227" customWidth="1"/>
    <col min="12035" max="12047" width="6.109375" style="227" customWidth="1"/>
    <col min="12048" max="12052" width="6" style="227" customWidth="1"/>
    <col min="12053" max="12288" width="99.109375" style="227"/>
    <col min="12289" max="12289" width="2.33203125" style="227" customWidth="1"/>
    <col min="12290" max="12290" width="6" style="227" customWidth="1"/>
    <col min="12291" max="12303" width="6.109375" style="227" customWidth="1"/>
    <col min="12304" max="12308" width="6" style="227" customWidth="1"/>
    <col min="12309" max="12544" width="99.109375" style="227"/>
    <col min="12545" max="12545" width="2.33203125" style="227" customWidth="1"/>
    <col min="12546" max="12546" width="6" style="227" customWidth="1"/>
    <col min="12547" max="12559" width="6.109375" style="227" customWidth="1"/>
    <col min="12560" max="12564" width="6" style="227" customWidth="1"/>
    <col min="12565" max="12800" width="99.109375" style="227"/>
    <col min="12801" max="12801" width="2.33203125" style="227" customWidth="1"/>
    <col min="12802" max="12802" width="6" style="227" customWidth="1"/>
    <col min="12803" max="12815" width="6.109375" style="227" customWidth="1"/>
    <col min="12816" max="12820" width="6" style="227" customWidth="1"/>
    <col min="12821" max="13056" width="99.109375" style="227"/>
    <col min="13057" max="13057" width="2.33203125" style="227" customWidth="1"/>
    <col min="13058" max="13058" width="6" style="227" customWidth="1"/>
    <col min="13059" max="13071" width="6.109375" style="227" customWidth="1"/>
    <col min="13072" max="13076" width="6" style="227" customWidth="1"/>
    <col min="13077" max="13312" width="99.109375" style="227"/>
    <col min="13313" max="13313" width="2.33203125" style="227" customWidth="1"/>
    <col min="13314" max="13314" width="6" style="227" customWidth="1"/>
    <col min="13315" max="13327" width="6.109375" style="227" customWidth="1"/>
    <col min="13328" max="13332" width="6" style="227" customWidth="1"/>
    <col min="13333" max="13568" width="99.109375" style="227"/>
    <col min="13569" max="13569" width="2.33203125" style="227" customWidth="1"/>
    <col min="13570" max="13570" width="6" style="227" customWidth="1"/>
    <col min="13571" max="13583" width="6.109375" style="227" customWidth="1"/>
    <col min="13584" max="13588" width="6" style="227" customWidth="1"/>
    <col min="13589" max="13824" width="99.109375" style="227"/>
    <col min="13825" max="13825" width="2.33203125" style="227" customWidth="1"/>
    <col min="13826" max="13826" width="6" style="227" customWidth="1"/>
    <col min="13827" max="13839" width="6.109375" style="227" customWidth="1"/>
    <col min="13840" max="13844" width="6" style="227" customWidth="1"/>
    <col min="13845" max="14080" width="99.109375" style="227"/>
    <col min="14081" max="14081" width="2.33203125" style="227" customWidth="1"/>
    <col min="14082" max="14082" width="6" style="227" customWidth="1"/>
    <col min="14083" max="14095" width="6.109375" style="227" customWidth="1"/>
    <col min="14096" max="14100" width="6" style="227" customWidth="1"/>
    <col min="14101" max="14336" width="99.109375" style="227"/>
    <col min="14337" max="14337" width="2.33203125" style="227" customWidth="1"/>
    <col min="14338" max="14338" width="6" style="227" customWidth="1"/>
    <col min="14339" max="14351" width="6.109375" style="227" customWidth="1"/>
    <col min="14352" max="14356" width="6" style="227" customWidth="1"/>
    <col min="14357" max="14592" width="99.109375" style="227"/>
    <col min="14593" max="14593" width="2.33203125" style="227" customWidth="1"/>
    <col min="14594" max="14594" width="6" style="227" customWidth="1"/>
    <col min="14595" max="14607" width="6.109375" style="227" customWidth="1"/>
    <col min="14608" max="14612" width="6" style="227" customWidth="1"/>
    <col min="14613" max="14848" width="99.109375" style="227"/>
    <col min="14849" max="14849" width="2.33203125" style="227" customWidth="1"/>
    <col min="14850" max="14850" width="6" style="227" customWidth="1"/>
    <col min="14851" max="14863" width="6.109375" style="227" customWidth="1"/>
    <col min="14864" max="14868" width="6" style="227" customWidth="1"/>
    <col min="14869" max="15104" width="99.109375" style="227"/>
    <col min="15105" max="15105" width="2.33203125" style="227" customWidth="1"/>
    <col min="15106" max="15106" width="6" style="227" customWidth="1"/>
    <col min="15107" max="15119" width="6.109375" style="227" customWidth="1"/>
    <col min="15120" max="15124" width="6" style="227" customWidth="1"/>
    <col min="15125" max="15360" width="99.109375" style="227"/>
    <col min="15361" max="15361" width="2.33203125" style="227" customWidth="1"/>
    <col min="15362" max="15362" width="6" style="227" customWidth="1"/>
    <col min="15363" max="15375" width="6.109375" style="227" customWidth="1"/>
    <col min="15376" max="15380" width="6" style="227" customWidth="1"/>
    <col min="15381" max="15616" width="99.109375" style="227"/>
    <col min="15617" max="15617" width="2.33203125" style="227" customWidth="1"/>
    <col min="15618" max="15618" width="6" style="227" customWidth="1"/>
    <col min="15619" max="15631" width="6.109375" style="227" customWidth="1"/>
    <col min="15632" max="15636" width="6" style="227" customWidth="1"/>
    <col min="15637" max="15872" width="99.109375" style="227"/>
    <col min="15873" max="15873" width="2.33203125" style="227" customWidth="1"/>
    <col min="15874" max="15874" width="6" style="227" customWidth="1"/>
    <col min="15875" max="15887" width="6.109375" style="227" customWidth="1"/>
    <col min="15888" max="15892" width="6" style="227" customWidth="1"/>
    <col min="15893" max="16128" width="99.109375" style="227"/>
    <col min="16129" max="16129" width="2.33203125" style="227" customWidth="1"/>
    <col min="16130" max="16130" width="6" style="227" customWidth="1"/>
    <col min="16131" max="16143" width="6.109375" style="227" customWidth="1"/>
    <col min="16144" max="16148" width="6" style="227" customWidth="1"/>
    <col min="16149" max="16384" width="99.109375" style="227"/>
  </cols>
  <sheetData>
    <row r="1" spans="1:15" ht="12">
      <c r="A1" s="878" t="s">
        <v>405</v>
      </c>
      <c r="B1" s="225"/>
      <c r="C1" s="225"/>
      <c r="D1" s="225"/>
      <c r="E1" s="225"/>
      <c r="F1" s="225"/>
      <c r="G1" s="226"/>
      <c r="H1" s="226"/>
      <c r="I1" s="226"/>
      <c r="J1" s="226"/>
      <c r="K1" s="226"/>
      <c r="L1" s="226"/>
      <c r="M1" s="226"/>
      <c r="N1" s="226"/>
      <c r="O1" s="226"/>
    </row>
    <row r="2" spans="1:15" ht="6" customHeight="1" thickBot="1">
      <c r="A2" s="878"/>
      <c r="B2" s="228"/>
      <c r="C2" s="228"/>
      <c r="D2" s="228"/>
      <c r="E2" s="228"/>
      <c r="F2" s="228"/>
      <c r="G2" s="226"/>
      <c r="H2" s="226"/>
      <c r="I2" s="226"/>
      <c r="J2" s="226"/>
      <c r="K2" s="226"/>
      <c r="L2" s="226"/>
      <c r="M2" s="226"/>
      <c r="N2" s="226"/>
      <c r="O2" s="226"/>
    </row>
    <row r="3" spans="1:15" ht="17.25" customHeight="1" thickBot="1">
      <c r="A3" s="225"/>
      <c r="B3" s="1514"/>
      <c r="C3" s="1515"/>
      <c r="D3" s="1510" t="s">
        <v>406</v>
      </c>
      <c r="E3" s="1516"/>
      <c r="F3" s="1519" t="s">
        <v>407</v>
      </c>
      <c r="G3" s="1516"/>
      <c r="H3" s="1519" t="s">
        <v>408</v>
      </c>
      <c r="I3" s="1516"/>
      <c r="J3" s="1510" t="s">
        <v>409</v>
      </c>
      <c r="K3" s="1511"/>
      <c r="L3" s="226"/>
      <c r="M3" s="226"/>
      <c r="N3" s="226"/>
      <c r="O3" s="226"/>
    </row>
    <row r="4" spans="1:15" ht="17.25" customHeight="1">
      <c r="A4" s="225"/>
      <c r="B4" s="1517" t="s">
        <v>410</v>
      </c>
      <c r="C4" s="1518"/>
      <c r="D4" s="872"/>
      <c r="E4" s="278"/>
      <c r="F4" s="228"/>
      <c r="G4" s="301"/>
      <c r="H4" s="302"/>
      <c r="I4" s="303"/>
      <c r="J4" s="301"/>
      <c r="K4" s="303"/>
      <c r="L4" s="226"/>
      <c r="M4" s="226"/>
      <c r="N4" s="226"/>
      <c r="O4" s="226"/>
    </row>
    <row r="5" spans="1:15" ht="17.25" customHeight="1">
      <c r="A5" s="225"/>
      <c r="B5" s="1428" t="s">
        <v>411</v>
      </c>
      <c r="C5" s="1512"/>
      <c r="D5" s="304"/>
      <c r="E5" s="305"/>
      <c r="F5" s="306"/>
      <c r="G5" s="307"/>
      <c r="H5" s="308"/>
      <c r="I5" s="309"/>
      <c r="J5" s="307"/>
      <c r="K5" s="309"/>
      <c r="L5" s="226"/>
      <c r="M5" s="226"/>
      <c r="N5" s="226"/>
      <c r="O5" s="226"/>
    </row>
    <row r="6" spans="1:15" ht="17.25" customHeight="1" thickBot="1">
      <c r="A6" s="225"/>
      <c r="B6" s="1474" t="s">
        <v>412</v>
      </c>
      <c r="C6" s="1513"/>
      <c r="D6" s="872"/>
      <c r="E6" s="278"/>
      <c r="F6" s="228"/>
      <c r="G6" s="301"/>
      <c r="H6" s="302"/>
      <c r="I6" s="303"/>
      <c r="J6" s="301"/>
      <c r="K6" s="303"/>
      <c r="L6" s="226"/>
      <c r="M6" s="226"/>
      <c r="N6" s="226"/>
      <c r="O6" s="226"/>
    </row>
    <row r="7" spans="1:15" ht="17.25" customHeight="1" thickBot="1">
      <c r="A7" s="225"/>
      <c r="B7" s="1510" t="s">
        <v>409</v>
      </c>
      <c r="C7" s="1511"/>
      <c r="D7" s="310"/>
      <c r="E7" s="311"/>
      <c r="F7" s="312"/>
      <c r="G7" s="313"/>
      <c r="H7" s="314"/>
      <c r="I7" s="315"/>
      <c r="J7" s="313"/>
      <c r="K7" s="315"/>
      <c r="L7" s="226"/>
      <c r="M7" s="226"/>
      <c r="N7" s="226"/>
      <c r="O7" s="226"/>
    </row>
    <row r="8" spans="1:15" ht="12">
      <c r="A8" s="225"/>
      <c r="B8" s="225"/>
      <c r="C8" s="225"/>
      <c r="D8" s="225"/>
      <c r="E8" s="225"/>
      <c r="F8" s="225"/>
      <c r="G8" s="226"/>
      <c r="H8" s="226"/>
      <c r="I8" s="226"/>
      <c r="J8" s="226"/>
      <c r="K8" s="226"/>
      <c r="L8" s="226"/>
      <c r="M8" s="226"/>
      <c r="N8" s="226"/>
      <c r="O8" s="226"/>
    </row>
    <row r="9" spans="1:15" ht="12">
      <c r="A9" s="878" t="s">
        <v>413</v>
      </c>
      <c r="B9" s="225"/>
      <c r="C9" s="225"/>
      <c r="D9" s="225"/>
      <c r="E9" s="225"/>
      <c r="F9" s="225"/>
      <c r="G9" s="226"/>
      <c r="H9" s="226"/>
      <c r="I9" s="226"/>
      <c r="J9" s="226"/>
      <c r="K9" s="226"/>
      <c r="L9" s="226"/>
      <c r="M9" s="226"/>
      <c r="N9" s="226"/>
      <c r="O9" s="226"/>
    </row>
    <row r="10" spans="1:15" ht="4.5" customHeight="1" thickBot="1">
      <c r="A10" s="878"/>
      <c r="B10" s="228"/>
      <c r="C10" s="228"/>
      <c r="D10" s="228"/>
      <c r="E10" s="228"/>
      <c r="F10" s="225"/>
      <c r="G10" s="226"/>
      <c r="H10" s="226"/>
      <c r="I10" s="226"/>
      <c r="J10" s="226"/>
      <c r="K10" s="226"/>
      <c r="L10" s="226"/>
      <c r="M10" s="226"/>
      <c r="N10" s="226"/>
      <c r="O10" s="226"/>
    </row>
    <row r="11" spans="1:15" ht="17.25" customHeight="1" thickBot="1">
      <c r="A11" s="225"/>
      <c r="B11" s="1514"/>
      <c r="C11" s="1515"/>
      <c r="D11" s="1510" t="s">
        <v>414</v>
      </c>
      <c r="E11" s="1516"/>
      <c r="F11" s="1526" t="s">
        <v>415</v>
      </c>
      <c r="G11" s="1524"/>
      <c r="H11" s="1510" t="s">
        <v>409</v>
      </c>
      <c r="I11" s="1511"/>
      <c r="J11" s="226"/>
      <c r="K11" s="226"/>
      <c r="L11" s="226"/>
      <c r="M11" s="226"/>
      <c r="N11" s="226"/>
      <c r="O11" s="226"/>
    </row>
    <row r="12" spans="1:15" ht="17.25" customHeight="1">
      <c r="A12" s="225"/>
      <c r="B12" s="1440" t="s">
        <v>416</v>
      </c>
      <c r="C12" s="1520"/>
      <c r="D12" s="228"/>
      <c r="E12" s="228"/>
      <c r="F12" s="316"/>
      <c r="G12" s="301"/>
      <c r="H12" s="300"/>
      <c r="I12" s="303"/>
      <c r="J12" s="226"/>
      <c r="K12" s="226"/>
      <c r="L12" s="226"/>
      <c r="M12" s="226"/>
      <c r="N12" s="226"/>
      <c r="O12" s="226"/>
    </row>
    <row r="13" spans="1:15" ht="17.25" customHeight="1">
      <c r="A13" s="225"/>
      <c r="B13" s="1428" t="s">
        <v>417</v>
      </c>
      <c r="C13" s="1521"/>
      <c r="D13" s="306"/>
      <c r="E13" s="306"/>
      <c r="F13" s="317"/>
      <c r="G13" s="307"/>
      <c r="H13" s="318"/>
      <c r="I13" s="309"/>
      <c r="J13" s="226"/>
      <c r="K13" s="226"/>
      <c r="L13" s="226"/>
      <c r="M13" s="226"/>
      <c r="N13" s="226"/>
      <c r="O13" s="226"/>
    </row>
    <row r="14" spans="1:15" ht="17.25" customHeight="1" thickBot="1">
      <c r="A14" s="225"/>
      <c r="B14" s="1505" t="s">
        <v>418</v>
      </c>
      <c r="C14" s="1522"/>
      <c r="D14" s="236"/>
      <c r="E14" s="236"/>
      <c r="F14" s="319"/>
      <c r="G14" s="320"/>
      <c r="H14" s="321"/>
      <c r="I14" s="322"/>
      <c r="J14" s="226"/>
      <c r="K14" s="226"/>
      <c r="L14" s="226"/>
      <c r="M14" s="226"/>
      <c r="N14" s="226"/>
      <c r="O14" s="226"/>
    </row>
    <row r="15" spans="1:15" ht="12">
      <c r="A15" s="225"/>
      <c r="B15" s="225"/>
      <c r="C15" s="225"/>
      <c r="D15" s="225"/>
      <c r="E15" s="225"/>
      <c r="F15" s="225"/>
      <c r="G15" s="226"/>
      <c r="H15" s="226"/>
      <c r="I15" s="226"/>
      <c r="J15" s="226"/>
      <c r="K15" s="226"/>
      <c r="L15" s="226"/>
      <c r="M15" s="226"/>
      <c r="N15" s="226"/>
      <c r="O15" s="226"/>
    </row>
    <row r="16" spans="1:15" ht="13.2">
      <c r="A16" s="1523" t="s">
        <v>1118</v>
      </c>
      <c r="B16" s="1119"/>
      <c r="C16" s="1119"/>
      <c r="D16" s="1119"/>
      <c r="E16" s="1119"/>
      <c r="F16" s="1119"/>
      <c r="G16" s="226"/>
      <c r="H16" s="226"/>
      <c r="I16" s="226"/>
      <c r="J16" s="226"/>
      <c r="K16" s="226"/>
      <c r="L16" s="226"/>
      <c r="M16" s="226"/>
      <c r="N16" s="226"/>
      <c r="O16" s="226"/>
    </row>
    <row r="17" spans="1:15" ht="12.6" thickBot="1">
      <c r="A17" s="225"/>
      <c r="B17" s="228" t="s">
        <v>419</v>
      </c>
      <c r="C17" s="228"/>
      <c r="D17" s="225"/>
      <c r="E17" s="225"/>
      <c r="F17" s="225"/>
      <c r="G17" s="226"/>
      <c r="H17" s="226"/>
      <c r="I17" s="228" t="s">
        <v>420</v>
      </c>
      <c r="J17" s="228"/>
      <c r="K17" s="225"/>
      <c r="L17" s="225"/>
      <c r="M17" s="225"/>
      <c r="N17" s="226"/>
      <c r="O17" s="226"/>
    </row>
    <row r="18" spans="1:15" ht="17.25" customHeight="1" thickBot="1">
      <c r="A18" s="225"/>
      <c r="B18" s="1510" t="s">
        <v>421</v>
      </c>
      <c r="C18" s="1524"/>
      <c r="D18" s="1524"/>
      <c r="E18" s="1510" t="s">
        <v>422</v>
      </c>
      <c r="F18" s="1525"/>
      <c r="G18" s="879"/>
      <c r="H18" s="226"/>
      <c r="I18" s="1510" t="s">
        <v>421</v>
      </c>
      <c r="J18" s="1524"/>
      <c r="K18" s="1524"/>
      <c r="L18" s="1510" t="s">
        <v>422</v>
      </c>
      <c r="M18" s="1525"/>
      <c r="N18" s="226"/>
      <c r="O18" s="226"/>
    </row>
    <row r="19" spans="1:15" ht="17.25" customHeight="1">
      <c r="A19" s="225"/>
      <c r="B19" s="1517" t="s">
        <v>423</v>
      </c>
      <c r="C19" s="1527"/>
      <c r="D19" s="1527"/>
      <c r="E19" s="323"/>
      <c r="F19" s="324"/>
      <c r="G19" s="325"/>
      <c r="H19" s="226"/>
      <c r="I19" s="1517" t="s">
        <v>423</v>
      </c>
      <c r="J19" s="1527"/>
      <c r="K19" s="1527"/>
      <c r="L19" s="323"/>
      <c r="M19" s="324"/>
      <c r="N19" s="226"/>
      <c r="O19" s="226"/>
    </row>
    <row r="20" spans="1:15" ht="17.25" customHeight="1">
      <c r="A20" s="225"/>
      <c r="B20" s="1428" t="s">
        <v>424</v>
      </c>
      <c r="C20" s="1465"/>
      <c r="D20" s="1465"/>
      <c r="E20" s="326"/>
      <c r="F20" s="266"/>
      <c r="G20" s="325"/>
      <c r="H20" s="226"/>
      <c r="I20" s="1428" t="s">
        <v>425</v>
      </c>
      <c r="J20" s="1465"/>
      <c r="K20" s="1465"/>
      <c r="L20" s="326"/>
      <c r="M20" s="266"/>
      <c r="N20" s="226"/>
      <c r="O20" s="226"/>
    </row>
    <row r="21" spans="1:15" ht="17.25" customHeight="1">
      <c r="A21" s="225"/>
      <c r="B21" s="1428" t="s">
        <v>426</v>
      </c>
      <c r="C21" s="1465"/>
      <c r="D21" s="1465"/>
      <c r="E21" s="326"/>
      <c r="F21" s="266"/>
      <c r="G21" s="325"/>
      <c r="H21" s="226"/>
      <c r="I21" s="1428" t="s">
        <v>426</v>
      </c>
      <c r="J21" s="1465"/>
      <c r="K21" s="1465"/>
      <c r="L21" s="326"/>
      <c r="M21" s="266"/>
      <c r="N21" s="226"/>
      <c r="O21" s="226"/>
    </row>
    <row r="22" spans="1:15" ht="17.25" customHeight="1" thickBot="1">
      <c r="A22" s="225"/>
      <c r="B22" s="1435" t="s">
        <v>427</v>
      </c>
      <c r="C22" s="1528"/>
      <c r="D22" s="1528"/>
      <c r="E22" s="327"/>
      <c r="F22" s="274"/>
      <c r="G22" s="325"/>
      <c r="H22" s="226"/>
      <c r="I22" s="1435" t="s">
        <v>427</v>
      </c>
      <c r="J22" s="1528"/>
      <c r="K22" s="1528"/>
      <c r="L22" s="327"/>
      <c r="M22" s="274"/>
      <c r="N22" s="226"/>
      <c r="O22" s="226"/>
    </row>
    <row r="23" spans="1:15" ht="12">
      <c r="A23" s="225"/>
      <c r="B23" s="228"/>
      <c r="C23" s="228"/>
      <c r="D23" s="225"/>
      <c r="E23" s="225"/>
      <c r="F23" s="225"/>
      <c r="G23" s="226"/>
      <c r="H23" s="226"/>
      <c r="I23" s="226"/>
      <c r="J23" s="226"/>
      <c r="K23" s="226"/>
      <c r="L23" s="226"/>
      <c r="M23" s="226"/>
      <c r="N23" s="226"/>
      <c r="O23" s="226"/>
    </row>
    <row r="24" spans="1:15" ht="12">
      <c r="A24" s="878" t="s">
        <v>428</v>
      </c>
      <c r="B24" s="228"/>
      <c r="C24" s="228"/>
      <c r="D24" s="225"/>
      <c r="E24" s="225"/>
      <c r="F24" s="225"/>
      <c r="G24" s="226"/>
      <c r="H24" s="226"/>
      <c r="I24" s="226"/>
      <c r="J24" s="226"/>
      <c r="K24" s="226"/>
      <c r="L24" s="226"/>
      <c r="M24" s="226"/>
      <c r="N24" s="226"/>
      <c r="O24" s="226"/>
    </row>
    <row r="25" spans="1:15" ht="3.75" customHeight="1" thickBot="1">
      <c r="A25" s="225"/>
      <c r="B25" s="228"/>
      <c r="C25" s="228"/>
      <c r="D25" s="225"/>
      <c r="E25" s="225"/>
      <c r="F25" s="225"/>
      <c r="G25" s="226"/>
      <c r="H25" s="226"/>
      <c r="I25" s="226"/>
      <c r="J25" s="226"/>
      <c r="K25" s="226"/>
      <c r="L25" s="226"/>
      <c r="M25" s="226"/>
      <c r="N25" s="226"/>
      <c r="O25" s="226"/>
    </row>
    <row r="26" spans="1:15" ht="17.25" customHeight="1" thickBot="1">
      <c r="A26" s="328"/>
      <c r="B26" s="1529" t="s">
        <v>429</v>
      </c>
      <c r="C26" s="1530"/>
      <c r="D26" s="1531"/>
      <c r="E26" s="329" t="s">
        <v>430</v>
      </c>
      <c r="F26" s="1519" t="s">
        <v>431</v>
      </c>
      <c r="G26" s="1516"/>
      <c r="H26" s="1538" t="s">
        <v>432</v>
      </c>
      <c r="I26" s="1539"/>
      <c r="J26" s="1539"/>
      <c r="K26" s="1539"/>
      <c r="L26" s="1539"/>
      <c r="M26" s="1539"/>
      <c r="N26" s="1539"/>
      <c r="O26" s="1525"/>
    </row>
    <row r="27" spans="1:15" ht="17.25" customHeight="1">
      <c r="A27" s="225"/>
      <c r="B27" s="1532"/>
      <c r="C27" s="1533"/>
      <c r="D27" s="1534"/>
      <c r="E27" s="1545"/>
      <c r="F27" s="1483" t="s">
        <v>433</v>
      </c>
      <c r="G27" s="1540"/>
      <c r="H27" s="301"/>
      <c r="I27" s="301"/>
      <c r="J27" s="301"/>
      <c r="K27" s="301"/>
      <c r="L27" s="301"/>
      <c r="M27" s="301"/>
      <c r="N27" s="301"/>
      <c r="O27" s="303"/>
    </row>
    <row r="28" spans="1:15" ht="17.25" customHeight="1">
      <c r="A28" s="225"/>
      <c r="B28" s="1532"/>
      <c r="C28" s="1533"/>
      <c r="D28" s="1534"/>
      <c r="E28" s="1546"/>
      <c r="F28" s="1541" t="s">
        <v>434</v>
      </c>
      <c r="G28" s="1542"/>
      <c r="H28" s="301"/>
      <c r="I28" s="301"/>
      <c r="J28" s="301"/>
      <c r="K28" s="301"/>
      <c r="L28" s="301"/>
      <c r="M28" s="301"/>
      <c r="N28" s="301"/>
      <c r="O28" s="303"/>
    </row>
    <row r="29" spans="1:15" ht="17.25" customHeight="1" thickBot="1">
      <c r="A29" s="225"/>
      <c r="B29" s="1535"/>
      <c r="C29" s="1536"/>
      <c r="D29" s="1537"/>
      <c r="E29" s="1547"/>
      <c r="F29" s="1543" t="s">
        <v>435</v>
      </c>
      <c r="G29" s="1544"/>
      <c r="H29" s="320"/>
      <c r="I29" s="320"/>
      <c r="J29" s="320"/>
      <c r="K29" s="320"/>
      <c r="L29" s="320"/>
      <c r="M29" s="320"/>
      <c r="N29" s="320"/>
      <c r="O29" s="322"/>
    </row>
    <row r="30" spans="1:15" ht="17.25" customHeight="1">
      <c r="A30" s="225"/>
      <c r="B30" s="228" t="s">
        <v>436</v>
      </c>
      <c r="C30" s="228"/>
      <c r="D30" s="239"/>
      <c r="E30" s="225"/>
      <c r="F30" s="225"/>
      <c r="G30" s="226"/>
      <c r="H30" s="226"/>
      <c r="I30" s="226"/>
      <c r="J30" s="226"/>
      <c r="K30" s="226"/>
      <c r="L30" s="226"/>
      <c r="M30" s="226"/>
      <c r="N30" s="226"/>
      <c r="O30" s="226"/>
    </row>
    <row r="31" spans="1:15" ht="12">
      <c r="A31" s="225"/>
      <c r="B31" s="225"/>
      <c r="C31" s="225"/>
      <c r="D31" s="225"/>
      <c r="E31" s="225"/>
      <c r="F31" s="225"/>
      <c r="G31" s="226"/>
      <c r="H31" s="226"/>
      <c r="I31" s="226"/>
      <c r="J31" s="226"/>
      <c r="K31" s="226"/>
      <c r="L31" s="226"/>
      <c r="M31" s="226"/>
      <c r="N31" s="226"/>
      <c r="O31" s="226"/>
    </row>
    <row r="32" spans="1:15" ht="12">
      <c r="A32" s="878" t="s">
        <v>437</v>
      </c>
      <c r="B32" s="225"/>
      <c r="C32" s="225"/>
      <c r="D32" s="225"/>
      <c r="E32" s="225"/>
      <c r="F32" s="225"/>
      <c r="G32" s="226"/>
      <c r="H32" s="226"/>
      <c r="I32" s="226"/>
      <c r="J32" s="226"/>
      <c r="K32" s="226"/>
      <c r="L32" s="226"/>
      <c r="M32" s="226"/>
      <c r="N32" s="226"/>
      <c r="O32" s="226"/>
    </row>
    <row r="33" spans="1:15" ht="12.6" thickBot="1">
      <c r="A33" s="225"/>
      <c r="B33" s="225" t="s">
        <v>438</v>
      </c>
      <c r="C33" s="225"/>
      <c r="D33" s="225"/>
      <c r="E33" s="225"/>
      <c r="F33" s="225"/>
      <c r="G33" s="226"/>
      <c r="H33" s="226"/>
      <c r="I33" s="226"/>
      <c r="J33" s="226"/>
      <c r="K33" s="226"/>
      <c r="L33" s="226"/>
      <c r="M33" s="226"/>
      <c r="N33" s="226"/>
      <c r="O33" s="226"/>
    </row>
    <row r="34" spans="1:15" ht="17.25" customHeight="1" thickBot="1">
      <c r="A34" s="225"/>
      <c r="B34" s="330"/>
      <c r="C34" s="876" t="s">
        <v>439</v>
      </c>
      <c r="D34" s="329" t="s">
        <v>440</v>
      </c>
      <c r="E34" s="329" t="s">
        <v>441</v>
      </c>
      <c r="F34" s="329" t="s">
        <v>442</v>
      </c>
      <c r="G34" s="329" t="s">
        <v>443</v>
      </c>
      <c r="H34" s="329" t="s">
        <v>444</v>
      </c>
      <c r="I34" s="329" t="s">
        <v>445</v>
      </c>
      <c r="J34" s="329" t="s">
        <v>446</v>
      </c>
      <c r="K34" s="329" t="s">
        <v>447</v>
      </c>
      <c r="L34" s="329" t="s">
        <v>448</v>
      </c>
      <c r="M34" s="329" t="s">
        <v>449</v>
      </c>
      <c r="N34" s="329" t="s">
        <v>450</v>
      </c>
      <c r="O34" s="331" t="s">
        <v>451</v>
      </c>
    </row>
    <row r="35" spans="1:15" ht="12">
      <c r="A35" s="225"/>
      <c r="B35" s="1548" t="s">
        <v>452</v>
      </c>
      <c r="C35" s="228"/>
      <c r="D35" s="279"/>
      <c r="E35" s="279"/>
      <c r="F35" s="279"/>
      <c r="G35" s="279"/>
      <c r="H35" s="279"/>
      <c r="I35" s="279"/>
      <c r="J35" s="279"/>
      <c r="K35" s="279"/>
      <c r="L35" s="279"/>
      <c r="M35" s="279"/>
      <c r="N35" s="279"/>
      <c r="O35" s="332"/>
    </row>
    <row r="36" spans="1:15" ht="12.6" thickBot="1">
      <c r="A36" s="225"/>
      <c r="B36" s="1549"/>
      <c r="C36" s="236"/>
      <c r="D36" s="294"/>
      <c r="E36" s="294"/>
      <c r="F36" s="294"/>
      <c r="G36" s="294"/>
      <c r="H36" s="294"/>
      <c r="I36" s="294"/>
      <c r="J36" s="294"/>
      <c r="K36" s="294"/>
      <c r="L36" s="294"/>
      <c r="M36" s="294"/>
      <c r="N36" s="294"/>
      <c r="O36" s="333"/>
    </row>
    <row r="37" spans="1:15" s="336" customFormat="1" ht="17.25" customHeight="1">
      <c r="A37" s="334"/>
      <c r="B37" s="334"/>
      <c r="C37" s="878" t="s">
        <v>453</v>
      </c>
      <c r="D37" s="334"/>
      <c r="E37" s="334"/>
      <c r="F37" s="334"/>
      <c r="G37" s="335"/>
      <c r="H37" s="335"/>
      <c r="I37" s="335"/>
      <c r="J37" s="335"/>
      <c r="K37" s="335"/>
      <c r="L37" s="335"/>
      <c r="M37" s="335"/>
      <c r="N37" s="335"/>
      <c r="O37" s="335"/>
    </row>
    <row r="38" spans="1:15" ht="12.6" thickBot="1">
      <c r="A38" s="225" t="s">
        <v>454</v>
      </c>
      <c r="B38" s="225"/>
      <c r="C38" s="225"/>
      <c r="D38" s="225"/>
      <c r="E38" s="225"/>
      <c r="F38" s="225"/>
      <c r="G38" s="226"/>
      <c r="H38" s="226"/>
      <c r="I38" s="226"/>
      <c r="J38" s="226"/>
      <c r="K38" s="226"/>
      <c r="L38" s="226"/>
      <c r="M38" s="226"/>
      <c r="N38" s="226"/>
      <c r="O38" s="226"/>
    </row>
    <row r="39" spans="1:15" ht="13.5" customHeight="1">
      <c r="A39" s="225"/>
      <c r="B39" s="1423"/>
      <c r="C39" s="1550"/>
      <c r="D39" s="1431" t="s">
        <v>455</v>
      </c>
      <c r="E39" s="1480"/>
      <c r="F39" s="1481"/>
      <c r="G39" s="1551" t="s">
        <v>456</v>
      </c>
      <c r="H39" s="1493"/>
      <c r="I39" s="1493"/>
      <c r="J39" s="1493"/>
      <c r="K39" s="1493"/>
      <c r="L39" s="1493"/>
      <c r="M39" s="1493"/>
      <c r="N39" s="1493"/>
      <c r="O39" s="1552"/>
    </row>
    <row r="40" spans="1:15" ht="17.25" customHeight="1">
      <c r="A40" s="225"/>
      <c r="B40" s="304" t="s">
        <v>457</v>
      </c>
      <c r="C40" s="306"/>
      <c r="D40" s="264"/>
      <c r="E40" s="306"/>
      <c r="F40" s="305"/>
      <c r="G40" s="874" t="s">
        <v>458</v>
      </c>
      <c r="H40" s="875"/>
      <c r="I40" s="875"/>
      <c r="J40" s="875"/>
      <c r="K40" s="875"/>
      <c r="L40" s="875"/>
      <c r="M40" s="875"/>
      <c r="N40" s="875"/>
      <c r="O40" s="337"/>
    </row>
    <row r="41" spans="1:15" ht="17.25" customHeight="1" thickBot="1">
      <c r="A41" s="225"/>
      <c r="B41" s="338" t="s">
        <v>459</v>
      </c>
      <c r="C41" s="339"/>
      <c r="D41" s="273"/>
      <c r="E41" s="339"/>
      <c r="F41" s="340"/>
      <c r="G41" s="341" t="s">
        <v>460</v>
      </c>
      <c r="H41" s="342"/>
      <c r="I41" s="342"/>
      <c r="J41" s="342"/>
      <c r="K41" s="342"/>
      <c r="L41" s="342"/>
      <c r="M41" s="342"/>
      <c r="N41" s="342"/>
      <c r="O41" s="343"/>
    </row>
    <row r="42" spans="1:15" ht="12.75" customHeight="1">
      <c r="A42" s="225"/>
      <c r="B42" s="225"/>
      <c r="C42" s="225"/>
      <c r="D42" s="225"/>
      <c r="E42" s="225"/>
      <c r="F42" s="225"/>
      <c r="G42" s="226"/>
      <c r="H42" s="226"/>
      <c r="I42" s="226"/>
      <c r="J42" s="226"/>
      <c r="K42" s="226"/>
      <c r="L42" s="226"/>
      <c r="M42" s="226"/>
      <c r="N42" s="226"/>
      <c r="O42" s="226"/>
    </row>
    <row r="43" spans="1:15" ht="12.6" thickBot="1">
      <c r="A43" s="878" t="s">
        <v>461</v>
      </c>
      <c r="B43" s="225"/>
      <c r="C43" s="225"/>
      <c r="D43" s="225"/>
      <c r="E43" s="225"/>
      <c r="F43" s="225"/>
      <c r="G43" s="226"/>
      <c r="H43" s="226"/>
      <c r="I43" s="226"/>
      <c r="J43" s="226"/>
      <c r="K43" s="226"/>
      <c r="L43" s="226"/>
      <c r="M43" s="226"/>
      <c r="N43" s="226"/>
      <c r="O43" s="226"/>
    </row>
    <row r="44" spans="1:15" ht="13.5" customHeight="1">
      <c r="B44" s="1423"/>
      <c r="C44" s="1550"/>
      <c r="D44" s="1431" t="s">
        <v>462</v>
      </c>
      <c r="E44" s="1494"/>
      <c r="F44" s="866"/>
      <c r="G44" s="1553" t="s">
        <v>456</v>
      </c>
      <c r="H44" s="1493"/>
      <c r="I44" s="1493"/>
      <c r="J44" s="1493"/>
      <c r="K44" s="1493"/>
      <c r="L44" s="1493"/>
      <c r="M44" s="1493"/>
      <c r="N44" s="1493"/>
      <c r="O44" s="1552"/>
    </row>
    <row r="45" spans="1:15" ht="21.75" customHeight="1">
      <c r="B45" s="871" t="s">
        <v>457</v>
      </c>
      <c r="C45" s="344"/>
      <c r="D45" s="264"/>
      <c r="E45" s="345" t="s">
        <v>60</v>
      </c>
      <c r="F45" s="1567" t="s">
        <v>973</v>
      </c>
      <c r="G45" s="1568"/>
      <c r="H45" s="1569"/>
      <c r="I45" s="1569"/>
      <c r="J45" s="1569"/>
      <c r="K45" s="1569"/>
      <c r="L45" s="1569"/>
      <c r="M45" s="1569"/>
      <c r="N45" s="1569"/>
      <c r="O45" s="1992" t="s">
        <v>974</v>
      </c>
    </row>
    <row r="46" spans="1:15" ht="21.75" customHeight="1">
      <c r="B46" s="1554" t="s">
        <v>459</v>
      </c>
      <c r="C46" s="1555"/>
      <c r="D46" s="270"/>
      <c r="E46" s="346" t="s">
        <v>60</v>
      </c>
      <c r="F46" s="305" t="s">
        <v>971</v>
      </c>
      <c r="G46" s="347"/>
      <c r="H46" s="875"/>
      <c r="I46" s="875"/>
      <c r="J46" s="875"/>
      <c r="K46" s="875"/>
      <c r="L46" s="875"/>
      <c r="M46" s="875"/>
      <c r="N46" s="875"/>
      <c r="O46" s="337"/>
    </row>
    <row r="47" spans="1:15" ht="21.75" customHeight="1">
      <c r="B47" s="1556"/>
      <c r="C47" s="1557"/>
      <c r="D47" s="246"/>
      <c r="E47" s="348"/>
      <c r="F47" s="305" t="s">
        <v>972</v>
      </c>
      <c r="G47" s="347"/>
      <c r="H47" s="875"/>
      <c r="I47" s="875"/>
      <c r="J47" s="875"/>
      <c r="K47" s="875"/>
      <c r="L47" s="875"/>
      <c r="M47" s="875"/>
      <c r="N47" s="875"/>
      <c r="O47" s="337"/>
    </row>
    <row r="48" spans="1:15" ht="18" customHeight="1">
      <c r="B48" s="1558"/>
      <c r="C48" s="1119"/>
      <c r="D48" s="264" t="s">
        <v>463</v>
      </c>
      <c r="E48" s="306"/>
      <c r="F48" s="347"/>
      <c r="G48" s="347"/>
      <c r="H48" s="875"/>
      <c r="I48" s="875"/>
      <c r="J48" s="875"/>
      <c r="K48" s="875"/>
      <c r="L48" s="875"/>
      <c r="M48" s="875"/>
      <c r="N48" s="875"/>
      <c r="O48" s="337"/>
    </row>
    <row r="49" spans="1:15" ht="18" customHeight="1" thickBot="1">
      <c r="B49" s="1559"/>
      <c r="C49" s="1560"/>
      <c r="D49" s="349" t="s">
        <v>464</v>
      </c>
      <c r="E49" s="350"/>
      <c r="F49" s="351"/>
      <c r="G49" s="351"/>
      <c r="H49" s="351"/>
      <c r="I49" s="351"/>
      <c r="J49" s="351"/>
      <c r="K49" s="351"/>
      <c r="L49" s="351"/>
      <c r="M49" s="351"/>
      <c r="N49" s="351"/>
      <c r="O49" s="352"/>
    </row>
    <row r="50" spans="1:15">
      <c r="B50" s="242" t="s">
        <v>465</v>
      </c>
    </row>
    <row r="52" spans="1:15" ht="12">
      <c r="A52" s="878" t="s">
        <v>466</v>
      </c>
      <c r="B52" s="225"/>
      <c r="C52" s="225"/>
      <c r="D52" s="225"/>
      <c r="E52" s="225"/>
      <c r="F52" s="225"/>
      <c r="G52" s="226"/>
      <c r="H52" s="226"/>
      <c r="I52" s="226"/>
      <c r="J52" s="226"/>
      <c r="K52" s="226"/>
      <c r="L52" s="226"/>
      <c r="M52" s="226"/>
      <c r="N52" s="226"/>
      <c r="O52" s="226"/>
    </row>
    <row r="53" spans="1:15" ht="19.5" customHeight="1">
      <c r="B53" s="1561" t="s">
        <v>969</v>
      </c>
      <c r="C53" s="1562"/>
      <c r="D53" s="1562"/>
      <c r="E53" s="1562"/>
      <c r="F53" s="1562"/>
      <c r="G53" s="1562"/>
      <c r="H53" s="1562"/>
      <c r="I53" s="1562"/>
      <c r="J53" s="1562"/>
      <c r="K53" s="1562"/>
      <c r="L53" s="1562"/>
      <c r="M53" s="1562"/>
      <c r="N53" s="1562"/>
      <c r="O53" s="1563"/>
    </row>
    <row r="54" spans="1:15" ht="19.5" customHeight="1">
      <c r="B54" s="1561" t="s">
        <v>970</v>
      </c>
      <c r="C54" s="1562"/>
      <c r="D54" s="1562"/>
      <c r="E54" s="1562"/>
      <c r="F54" s="1562"/>
      <c r="G54" s="1562"/>
      <c r="H54" s="1562"/>
      <c r="I54" s="1562"/>
      <c r="J54" s="1562"/>
      <c r="K54" s="1562"/>
      <c r="L54" s="1562"/>
      <c r="M54" s="1562"/>
      <c r="N54" s="1562"/>
      <c r="O54" s="1563"/>
    </row>
    <row r="55" spans="1:15" ht="49.2" customHeight="1">
      <c r="B55" s="1564" t="s">
        <v>467</v>
      </c>
      <c r="C55" s="1565"/>
      <c r="D55" s="1565"/>
      <c r="E55" s="1565"/>
      <c r="F55" s="1565"/>
      <c r="G55" s="1565"/>
      <c r="H55" s="1565"/>
      <c r="I55" s="1565"/>
      <c r="J55" s="1565"/>
      <c r="K55" s="1565"/>
      <c r="L55" s="1565"/>
      <c r="M55" s="1565"/>
      <c r="N55" s="1565"/>
      <c r="O55" s="1566"/>
    </row>
  </sheetData>
  <mergeCells count="49">
    <mergeCell ref="B46:C49"/>
    <mergeCell ref="B53:O53"/>
    <mergeCell ref="B54:O54"/>
    <mergeCell ref="B55:O55"/>
    <mergeCell ref="F45:G45"/>
    <mergeCell ref="H45:N45"/>
    <mergeCell ref="B35:B36"/>
    <mergeCell ref="B39:C39"/>
    <mergeCell ref="D39:F39"/>
    <mergeCell ref="G39:O39"/>
    <mergeCell ref="B44:C44"/>
    <mergeCell ref="D44:E44"/>
    <mergeCell ref="G44:O44"/>
    <mergeCell ref="B22:D22"/>
    <mergeCell ref="I22:K22"/>
    <mergeCell ref="B26:D29"/>
    <mergeCell ref="F26:G26"/>
    <mergeCell ref="H26:O26"/>
    <mergeCell ref="F27:G27"/>
    <mergeCell ref="F28:G28"/>
    <mergeCell ref="F29:G29"/>
    <mergeCell ref="E27:E29"/>
    <mergeCell ref="L18:M18"/>
    <mergeCell ref="B19:D19"/>
    <mergeCell ref="I19:K19"/>
    <mergeCell ref="B20:D20"/>
    <mergeCell ref="I20:K20"/>
    <mergeCell ref="B21:D21"/>
    <mergeCell ref="I21:K21"/>
    <mergeCell ref="H11:I11"/>
    <mergeCell ref="B12:C12"/>
    <mergeCell ref="B13:C13"/>
    <mergeCell ref="B14:C14"/>
    <mergeCell ref="A16:F16"/>
    <mergeCell ref="B18:D18"/>
    <mergeCell ref="E18:F18"/>
    <mergeCell ref="I18:K18"/>
    <mergeCell ref="F11:G11"/>
    <mergeCell ref="J3:K3"/>
    <mergeCell ref="B5:C5"/>
    <mergeCell ref="B6:C6"/>
    <mergeCell ref="B7:C7"/>
    <mergeCell ref="B11:C11"/>
    <mergeCell ref="D11:E11"/>
    <mergeCell ref="B4:C4"/>
    <mergeCell ref="B3:C3"/>
    <mergeCell ref="D3:E3"/>
    <mergeCell ref="F3:G3"/>
    <mergeCell ref="H3:I3"/>
  </mergeCells>
  <phoneticPr fontId="3"/>
  <dataValidations count="1">
    <dataValidation type="list" allowBlank="1" showInputMessage="1" sqref="E27:E29" xr:uid="{00000000-0002-0000-0D00-000000000000}">
      <formula1>"有,無,"</formula1>
    </dataValidation>
  </dataValidations>
  <printOptions horizontalCentered="1" verticalCentered="1"/>
  <pageMargins left="0.78740157480314965" right="0.78740157480314965" top="0.98425196850393704" bottom="0.98425196850393704" header="0.51181102362204722" footer="0.51181102362204722"/>
  <pageSetup paperSize="9" scale="86"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6322" r:id="rId4" name="Check Box 2">
              <controlPr defaultSize="0" autoFill="0" autoLine="0" autoPict="0">
                <anchor moveWithCells="1">
                  <from>
                    <xdr:col>5</xdr:col>
                    <xdr:colOff>381000</xdr:colOff>
                    <xdr:row>51</xdr:row>
                    <xdr:rowOff>137160</xdr:rowOff>
                  </from>
                  <to>
                    <xdr:col>6</xdr:col>
                    <xdr:colOff>396240</xdr:colOff>
                    <xdr:row>53</xdr:row>
                    <xdr:rowOff>7620</xdr:rowOff>
                  </to>
                </anchor>
              </controlPr>
            </control>
          </mc:Choice>
        </mc:AlternateContent>
        <mc:AlternateContent xmlns:mc="http://schemas.openxmlformats.org/markup-compatibility/2006">
          <mc:Choice Requires="x14">
            <control shapeId="56323" r:id="rId5" name="Check Box 3">
              <controlPr defaultSize="0" autoFill="0" autoLine="0" autoPict="0">
                <anchor moveWithCells="1">
                  <from>
                    <xdr:col>7</xdr:col>
                    <xdr:colOff>45720</xdr:colOff>
                    <xdr:row>52</xdr:row>
                    <xdr:rowOff>7620</xdr:rowOff>
                  </from>
                  <to>
                    <xdr:col>8</xdr:col>
                    <xdr:colOff>53340</xdr:colOff>
                    <xdr:row>52</xdr:row>
                    <xdr:rowOff>236220</xdr:rowOff>
                  </to>
                </anchor>
              </controlPr>
            </control>
          </mc:Choice>
        </mc:AlternateContent>
        <mc:AlternateContent xmlns:mc="http://schemas.openxmlformats.org/markup-compatibility/2006">
          <mc:Choice Requires="x14">
            <control shapeId="56324" r:id="rId6" name="Check Box 4">
              <controlPr defaultSize="0" autoFill="0" autoLine="0" autoPict="0">
                <anchor moveWithCells="1">
                  <from>
                    <xdr:col>5</xdr:col>
                    <xdr:colOff>381000</xdr:colOff>
                    <xdr:row>53</xdr:row>
                    <xdr:rowOff>0</xdr:rowOff>
                  </from>
                  <to>
                    <xdr:col>6</xdr:col>
                    <xdr:colOff>396240</xdr:colOff>
                    <xdr:row>54</xdr:row>
                    <xdr:rowOff>22860</xdr:rowOff>
                  </to>
                </anchor>
              </controlPr>
            </control>
          </mc:Choice>
        </mc:AlternateContent>
        <mc:AlternateContent xmlns:mc="http://schemas.openxmlformats.org/markup-compatibility/2006">
          <mc:Choice Requires="x14">
            <control shapeId="56325" r:id="rId7" name="Check Box 5">
              <controlPr defaultSize="0" autoFill="0" autoLine="0" autoPict="0">
                <anchor moveWithCells="1">
                  <from>
                    <xdr:col>7</xdr:col>
                    <xdr:colOff>45720</xdr:colOff>
                    <xdr:row>53</xdr:row>
                    <xdr:rowOff>22860</xdr:rowOff>
                  </from>
                  <to>
                    <xdr:col>8</xdr:col>
                    <xdr:colOff>53340</xdr:colOff>
                    <xdr:row>54</xdr:row>
                    <xdr:rowOff>7620</xdr:rowOff>
                  </to>
                </anchor>
              </controlPr>
            </control>
          </mc:Choice>
        </mc:AlternateContent>
        <mc:AlternateContent xmlns:mc="http://schemas.openxmlformats.org/markup-compatibility/2006">
          <mc:Choice Requires="x14">
            <control shapeId="56328" r:id="rId8" name="Check Box 8">
              <controlPr defaultSize="0" autoFill="0" autoLine="0" autoPict="0">
                <anchor moveWithCells="1">
                  <from>
                    <xdr:col>9</xdr:col>
                    <xdr:colOff>45720</xdr:colOff>
                    <xdr:row>45</xdr:row>
                    <xdr:rowOff>15240</xdr:rowOff>
                  </from>
                  <to>
                    <xdr:col>10</xdr:col>
                    <xdr:colOff>60960</xdr:colOff>
                    <xdr:row>46</xdr:row>
                    <xdr:rowOff>7620</xdr:rowOff>
                  </to>
                </anchor>
              </controlPr>
            </control>
          </mc:Choice>
        </mc:AlternateContent>
        <mc:AlternateContent xmlns:mc="http://schemas.openxmlformats.org/markup-compatibility/2006">
          <mc:Choice Requires="x14">
            <control shapeId="56329" r:id="rId9" name="Check Box 9">
              <controlPr defaultSize="0" autoFill="0" autoLine="0" autoPict="0">
                <anchor moveWithCells="1">
                  <from>
                    <xdr:col>10</xdr:col>
                    <xdr:colOff>129540</xdr:colOff>
                    <xdr:row>45</xdr:row>
                    <xdr:rowOff>38100</xdr:rowOff>
                  </from>
                  <to>
                    <xdr:col>11</xdr:col>
                    <xdr:colOff>137160</xdr:colOff>
                    <xdr:row>45</xdr:row>
                    <xdr:rowOff>266700</xdr:rowOff>
                  </to>
                </anchor>
              </controlPr>
            </control>
          </mc:Choice>
        </mc:AlternateContent>
        <mc:AlternateContent xmlns:mc="http://schemas.openxmlformats.org/markup-compatibility/2006">
          <mc:Choice Requires="x14">
            <control shapeId="56332" r:id="rId10" name="Check Box 12">
              <controlPr defaultSize="0" autoFill="0" autoLine="0" autoPict="0">
                <anchor moveWithCells="1">
                  <from>
                    <xdr:col>10</xdr:col>
                    <xdr:colOff>53340</xdr:colOff>
                    <xdr:row>46</xdr:row>
                    <xdr:rowOff>7620</xdr:rowOff>
                  </from>
                  <to>
                    <xdr:col>11</xdr:col>
                    <xdr:colOff>68580</xdr:colOff>
                    <xdr:row>47</xdr:row>
                    <xdr:rowOff>0</xdr:rowOff>
                  </to>
                </anchor>
              </controlPr>
            </control>
          </mc:Choice>
        </mc:AlternateContent>
        <mc:AlternateContent xmlns:mc="http://schemas.openxmlformats.org/markup-compatibility/2006">
          <mc:Choice Requires="x14">
            <control shapeId="56333" r:id="rId11" name="Check Box 13">
              <controlPr defaultSize="0" autoFill="0" autoLine="0" autoPict="0">
                <anchor moveWithCells="1">
                  <from>
                    <xdr:col>11</xdr:col>
                    <xdr:colOff>137160</xdr:colOff>
                    <xdr:row>46</xdr:row>
                    <xdr:rowOff>30480</xdr:rowOff>
                  </from>
                  <to>
                    <xdr:col>12</xdr:col>
                    <xdr:colOff>144780</xdr:colOff>
                    <xdr:row>46</xdr:row>
                    <xdr:rowOff>25908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dimension ref="A1:F54"/>
  <sheetViews>
    <sheetView view="pageBreakPreview" zoomScaleNormal="100" zoomScaleSheetLayoutView="100" workbookViewId="0"/>
  </sheetViews>
  <sheetFormatPr defaultRowHeight="10.8"/>
  <cols>
    <col min="1" max="1" width="4.21875" style="354" customWidth="1"/>
    <col min="2" max="2" width="4.33203125" style="354" customWidth="1"/>
    <col min="3" max="3" width="4.21875" style="354" customWidth="1"/>
    <col min="4" max="4" width="18.33203125" style="354" customWidth="1"/>
    <col min="5" max="5" width="25.44140625" style="354" customWidth="1"/>
    <col min="6" max="6" width="23.21875" style="354" customWidth="1"/>
    <col min="7" max="256" width="9" style="354"/>
    <col min="257" max="257" width="4.21875" style="354" customWidth="1"/>
    <col min="258" max="258" width="4.33203125" style="354" customWidth="1"/>
    <col min="259" max="259" width="4.21875" style="354" customWidth="1"/>
    <col min="260" max="260" width="18.33203125" style="354" customWidth="1"/>
    <col min="261" max="261" width="25.44140625" style="354" customWidth="1"/>
    <col min="262" max="262" width="23.21875" style="354" customWidth="1"/>
    <col min="263" max="512" width="9" style="354"/>
    <col min="513" max="513" width="4.21875" style="354" customWidth="1"/>
    <col min="514" max="514" width="4.33203125" style="354" customWidth="1"/>
    <col min="515" max="515" width="4.21875" style="354" customWidth="1"/>
    <col min="516" max="516" width="18.33203125" style="354" customWidth="1"/>
    <col min="517" max="517" width="25.44140625" style="354" customWidth="1"/>
    <col min="518" max="518" width="23.21875" style="354" customWidth="1"/>
    <col min="519" max="768" width="9" style="354"/>
    <col min="769" max="769" width="4.21875" style="354" customWidth="1"/>
    <col min="770" max="770" width="4.33203125" style="354" customWidth="1"/>
    <col min="771" max="771" width="4.21875" style="354" customWidth="1"/>
    <col min="772" max="772" width="18.33203125" style="354" customWidth="1"/>
    <col min="773" max="773" width="25.44140625" style="354" customWidth="1"/>
    <col min="774" max="774" width="23.21875" style="354" customWidth="1"/>
    <col min="775" max="1024" width="9" style="354"/>
    <col min="1025" max="1025" width="4.21875" style="354" customWidth="1"/>
    <col min="1026" max="1026" width="4.33203125" style="354" customWidth="1"/>
    <col min="1027" max="1027" width="4.21875" style="354" customWidth="1"/>
    <col min="1028" max="1028" width="18.33203125" style="354" customWidth="1"/>
    <col min="1029" max="1029" width="25.44140625" style="354" customWidth="1"/>
    <col min="1030" max="1030" width="23.21875" style="354" customWidth="1"/>
    <col min="1031" max="1280" width="9" style="354"/>
    <col min="1281" max="1281" width="4.21875" style="354" customWidth="1"/>
    <col min="1282" max="1282" width="4.33203125" style="354" customWidth="1"/>
    <col min="1283" max="1283" width="4.21875" style="354" customWidth="1"/>
    <col min="1284" max="1284" width="18.33203125" style="354" customWidth="1"/>
    <col min="1285" max="1285" width="25.44140625" style="354" customWidth="1"/>
    <col min="1286" max="1286" width="23.21875" style="354" customWidth="1"/>
    <col min="1287" max="1536" width="9" style="354"/>
    <col min="1537" max="1537" width="4.21875" style="354" customWidth="1"/>
    <col min="1538" max="1538" width="4.33203125" style="354" customWidth="1"/>
    <col min="1539" max="1539" width="4.21875" style="354" customWidth="1"/>
    <col min="1540" max="1540" width="18.33203125" style="354" customWidth="1"/>
    <col min="1541" max="1541" width="25.44140625" style="354" customWidth="1"/>
    <col min="1542" max="1542" width="23.21875" style="354" customWidth="1"/>
    <col min="1543" max="1792" width="9" style="354"/>
    <col min="1793" max="1793" width="4.21875" style="354" customWidth="1"/>
    <col min="1794" max="1794" width="4.33203125" style="354" customWidth="1"/>
    <col min="1795" max="1795" width="4.21875" style="354" customWidth="1"/>
    <col min="1796" max="1796" width="18.33203125" style="354" customWidth="1"/>
    <col min="1797" max="1797" width="25.44140625" style="354" customWidth="1"/>
    <col min="1798" max="1798" width="23.21875" style="354" customWidth="1"/>
    <col min="1799" max="2048" width="9" style="354"/>
    <col min="2049" max="2049" width="4.21875" style="354" customWidth="1"/>
    <col min="2050" max="2050" width="4.33203125" style="354" customWidth="1"/>
    <col min="2051" max="2051" width="4.21875" style="354" customWidth="1"/>
    <col min="2052" max="2052" width="18.33203125" style="354" customWidth="1"/>
    <col min="2053" max="2053" width="25.44140625" style="354" customWidth="1"/>
    <col min="2054" max="2054" width="23.21875" style="354" customWidth="1"/>
    <col min="2055" max="2304" width="9" style="354"/>
    <col min="2305" max="2305" width="4.21875" style="354" customWidth="1"/>
    <col min="2306" max="2306" width="4.33203125" style="354" customWidth="1"/>
    <col min="2307" max="2307" width="4.21875" style="354" customWidth="1"/>
    <col min="2308" max="2308" width="18.33203125" style="354" customWidth="1"/>
    <col min="2309" max="2309" width="25.44140625" style="354" customWidth="1"/>
    <col min="2310" max="2310" width="23.21875" style="354" customWidth="1"/>
    <col min="2311" max="2560" width="9" style="354"/>
    <col min="2561" max="2561" width="4.21875" style="354" customWidth="1"/>
    <col min="2562" max="2562" width="4.33203125" style="354" customWidth="1"/>
    <col min="2563" max="2563" width="4.21875" style="354" customWidth="1"/>
    <col min="2564" max="2564" width="18.33203125" style="354" customWidth="1"/>
    <col min="2565" max="2565" width="25.44140625" style="354" customWidth="1"/>
    <col min="2566" max="2566" width="23.21875" style="354" customWidth="1"/>
    <col min="2567" max="2816" width="9" style="354"/>
    <col min="2817" max="2817" width="4.21875" style="354" customWidth="1"/>
    <col min="2818" max="2818" width="4.33203125" style="354" customWidth="1"/>
    <col min="2819" max="2819" width="4.21875" style="354" customWidth="1"/>
    <col min="2820" max="2820" width="18.33203125" style="354" customWidth="1"/>
    <col min="2821" max="2821" width="25.44140625" style="354" customWidth="1"/>
    <col min="2822" max="2822" width="23.21875" style="354" customWidth="1"/>
    <col min="2823" max="3072" width="9" style="354"/>
    <col min="3073" max="3073" width="4.21875" style="354" customWidth="1"/>
    <col min="3074" max="3074" width="4.33203125" style="354" customWidth="1"/>
    <col min="3075" max="3075" width="4.21875" style="354" customWidth="1"/>
    <col min="3076" max="3076" width="18.33203125" style="354" customWidth="1"/>
    <col min="3077" max="3077" width="25.44140625" style="354" customWidth="1"/>
    <col min="3078" max="3078" width="23.21875" style="354" customWidth="1"/>
    <col min="3079" max="3328" width="9" style="354"/>
    <col min="3329" max="3329" width="4.21875" style="354" customWidth="1"/>
    <col min="3330" max="3330" width="4.33203125" style="354" customWidth="1"/>
    <col min="3331" max="3331" width="4.21875" style="354" customWidth="1"/>
    <col min="3332" max="3332" width="18.33203125" style="354" customWidth="1"/>
    <col min="3333" max="3333" width="25.44140625" style="354" customWidth="1"/>
    <col min="3334" max="3334" width="23.21875" style="354" customWidth="1"/>
    <col min="3335" max="3584" width="9" style="354"/>
    <col min="3585" max="3585" width="4.21875" style="354" customWidth="1"/>
    <col min="3586" max="3586" width="4.33203125" style="354" customWidth="1"/>
    <col min="3587" max="3587" width="4.21875" style="354" customWidth="1"/>
    <col min="3588" max="3588" width="18.33203125" style="354" customWidth="1"/>
    <col min="3589" max="3589" width="25.44140625" style="354" customWidth="1"/>
    <col min="3590" max="3590" width="23.21875" style="354" customWidth="1"/>
    <col min="3591" max="3840" width="9" style="354"/>
    <col min="3841" max="3841" width="4.21875" style="354" customWidth="1"/>
    <col min="3842" max="3842" width="4.33203125" style="354" customWidth="1"/>
    <col min="3843" max="3843" width="4.21875" style="354" customWidth="1"/>
    <col min="3844" max="3844" width="18.33203125" style="354" customWidth="1"/>
    <col min="3845" max="3845" width="25.44140625" style="354" customWidth="1"/>
    <col min="3846" max="3846" width="23.21875" style="354" customWidth="1"/>
    <col min="3847" max="4096" width="9" style="354"/>
    <col min="4097" max="4097" width="4.21875" style="354" customWidth="1"/>
    <col min="4098" max="4098" width="4.33203125" style="354" customWidth="1"/>
    <col min="4099" max="4099" width="4.21875" style="354" customWidth="1"/>
    <col min="4100" max="4100" width="18.33203125" style="354" customWidth="1"/>
    <col min="4101" max="4101" width="25.44140625" style="354" customWidth="1"/>
    <col min="4102" max="4102" width="23.21875" style="354" customWidth="1"/>
    <col min="4103" max="4352" width="9" style="354"/>
    <col min="4353" max="4353" width="4.21875" style="354" customWidth="1"/>
    <col min="4354" max="4354" width="4.33203125" style="354" customWidth="1"/>
    <col min="4355" max="4355" width="4.21875" style="354" customWidth="1"/>
    <col min="4356" max="4356" width="18.33203125" style="354" customWidth="1"/>
    <col min="4357" max="4357" width="25.44140625" style="354" customWidth="1"/>
    <col min="4358" max="4358" width="23.21875" style="354" customWidth="1"/>
    <col min="4359" max="4608" width="9" style="354"/>
    <col min="4609" max="4609" width="4.21875" style="354" customWidth="1"/>
    <col min="4610" max="4610" width="4.33203125" style="354" customWidth="1"/>
    <col min="4611" max="4611" width="4.21875" style="354" customWidth="1"/>
    <col min="4612" max="4612" width="18.33203125" style="354" customWidth="1"/>
    <col min="4613" max="4613" width="25.44140625" style="354" customWidth="1"/>
    <col min="4614" max="4614" width="23.21875" style="354" customWidth="1"/>
    <col min="4615" max="4864" width="9" style="354"/>
    <col min="4865" max="4865" width="4.21875" style="354" customWidth="1"/>
    <col min="4866" max="4866" width="4.33203125" style="354" customWidth="1"/>
    <col min="4867" max="4867" width="4.21875" style="354" customWidth="1"/>
    <col min="4868" max="4868" width="18.33203125" style="354" customWidth="1"/>
    <col min="4869" max="4869" width="25.44140625" style="354" customWidth="1"/>
    <col min="4870" max="4870" width="23.21875" style="354" customWidth="1"/>
    <col min="4871" max="5120" width="9" style="354"/>
    <col min="5121" max="5121" width="4.21875" style="354" customWidth="1"/>
    <col min="5122" max="5122" width="4.33203125" style="354" customWidth="1"/>
    <col min="5123" max="5123" width="4.21875" style="354" customWidth="1"/>
    <col min="5124" max="5124" width="18.33203125" style="354" customWidth="1"/>
    <col min="5125" max="5125" width="25.44140625" style="354" customWidth="1"/>
    <col min="5126" max="5126" width="23.21875" style="354" customWidth="1"/>
    <col min="5127" max="5376" width="9" style="354"/>
    <col min="5377" max="5377" width="4.21875" style="354" customWidth="1"/>
    <col min="5378" max="5378" width="4.33203125" style="354" customWidth="1"/>
    <col min="5379" max="5379" width="4.21875" style="354" customWidth="1"/>
    <col min="5380" max="5380" width="18.33203125" style="354" customWidth="1"/>
    <col min="5381" max="5381" width="25.44140625" style="354" customWidth="1"/>
    <col min="5382" max="5382" width="23.21875" style="354" customWidth="1"/>
    <col min="5383" max="5632" width="9" style="354"/>
    <col min="5633" max="5633" width="4.21875" style="354" customWidth="1"/>
    <col min="5634" max="5634" width="4.33203125" style="354" customWidth="1"/>
    <col min="5635" max="5635" width="4.21875" style="354" customWidth="1"/>
    <col min="5636" max="5636" width="18.33203125" style="354" customWidth="1"/>
    <col min="5637" max="5637" width="25.44140625" style="354" customWidth="1"/>
    <col min="5638" max="5638" width="23.21875" style="354" customWidth="1"/>
    <col min="5639" max="5888" width="9" style="354"/>
    <col min="5889" max="5889" width="4.21875" style="354" customWidth="1"/>
    <col min="5890" max="5890" width="4.33203125" style="354" customWidth="1"/>
    <col min="5891" max="5891" width="4.21875" style="354" customWidth="1"/>
    <col min="5892" max="5892" width="18.33203125" style="354" customWidth="1"/>
    <col min="5893" max="5893" width="25.44140625" style="354" customWidth="1"/>
    <col min="5894" max="5894" width="23.21875" style="354" customWidth="1"/>
    <col min="5895" max="6144" width="9" style="354"/>
    <col min="6145" max="6145" width="4.21875" style="354" customWidth="1"/>
    <col min="6146" max="6146" width="4.33203125" style="354" customWidth="1"/>
    <col min="6147" max="6147" width="4.21875" style="354" customWidth="1"/>
    <col min="6148" max="6148" width="18.33203125" style="354" customWidth="1"/>
    <col min="6149" max="6149" width="25.44140625" style="354" customWidth="1"/>
    <col min="6150" max="6150" width="23.21875" style="354" customWidth="1"/>
    <col min="6151" max="6400" width="9" style="354"/>
    <col min="6401" max="6401" width="4.21875" style="354" customWidth="1"/>
    <col min="6402" max="6402" width="4.33203125" style="354" customWidth="1"/>
    <col min="6403" max="6403" width="4.21875" style="354" customWidth="1"/>
    <col min="6404" max="6404" width="18.33203125" style="354" customWidth="1"/>
    <col min="6405" max="6405" width="25.44140625" style="354" customWidth="1"/>
    <col min="6406" max="6406" width="23.21875" style="354" customWidth="1"/>
    <col min="6407" max="6656" width="9" style="354"/>
    <col min="6657" max="6657" width="4.21875" style="354" customWidth="1"/>
    <col min="6658" max="6658" width="4.33203125" style="354" customWidth="1"/>
    <col min="6659" max="6659" width="4.21875" style="354" customWidth="1"/>
    <col min="6660" max="6660" width="18.33203125" style="354" customWidth="1"/>
    <col min="6661" max="6661" width="25.44140625" style="354" customWidth="1"/>
    <col min="6662" max="6662" width="23.21875" style="354" customWidth="1"/>
    <col min="6663" max="6912" width="9" style="354"/>
    <col min="6913" max="6913" width="4.21875" style="354" customWidth="1"/>
    <col min="6914" max="6914" width="4.33203125" style="354" customWidth="1"/>
    <col min="6915" max="6915" width="4.21875" style="354" customWidth="1"/>
    <col min="6916" max="6916" width="18.33203125" style="354" customWidth="1"/>
    <col min="6917" max="6917" width="25.44140625" style="354" customWidth="1"/>
    <col min="6918" max="6918" width="23.21875" style="354" customWidth="1"/>
    <col min="6919" max="7168" width="9" style="354"/>
    <col min="7169" max="7169" width="4.21875" style="354" customWidth="1"/>
    <col min="7170" max="7170" width="4.33203125" style="354" customWidth="1"/>
    <col min="7171" max="7171" width="4.21875" style="354" customWidth="1"/>
    <col min="7172" max="7172" width="18.33203125" style="354" customWidth="1"/>
    <col min="7173" max="7173" width="25.44140625" style="354" customWidth="1"/>
    <col min="7174" max="7174" width="23.21875" style="354" customWidth="1"/>
    <col min="7175" max="7424" width="9" style="354"/>
    <col min="7425" max="7425" width="4.21875" style="354" customWidth="1"/>
    <col min="7426" max="7426" width="4.33203125" style="354" customWidth="1"/>
    <col min="7427" max="7427" width="4.21875" style="354" customWidth="1"/>
    <col min="7428" max="7428" width="18.33203125" style="354" customWidth="1"/>
    <col min="7429" max="7429" width="25.44140625" style="354" customWidth="1"/>
    <col min="7430" max="7430" width="23.21875" style="354" customWidth="1"/>
    <col min="7431" max="7680" width="9" style="354"/>
    <col min="7681" max="7681" width="4.21875" style="354" customWidth="1"/>
    <col min="7682" max="7682" width="4.33203125" style="354" customWidth="1"/>
    <col min="7683" max="7683" width="4.21875" style="354" customWidth="1"/>
    <col min="7684" max="7684" width="18.33203125" style="354" customWidth="1"/>
    <col min="7685" max="7685" width="25.44140625" style="354" customWidth="1"/>
    <col min="7686" max="7686" width="23.21875" style="354" customWidth="1"/>
    <col min="7687" max="7936" width="9" style="354"/>
    <col min="7937" max="7937" width="4.21875" style="354" customWidth="1"/>
    <col min="7938" max="7938" width="4.33203125" style="354" customWidth="1"/>
    <col min="7939" max="7939" width="4.21875" style="354" customWidth="1"/>
    <col min="7940" max="7940" width="18.33203125" style="354" customWidth="1"/>
    <col min="7941" max="7941" width="25.44140625" style="354" customWidth="1"/>
    <col min="7942" max="7942" width="23.21875" style="354" customWidth="1"/>
    <col min="7943" max="8192" width="9" style="354"/>
    <col min="8193" max="8193" width="4.21875" style="354" customWidth="1"/>
    <col min="8194" max="8194" width="4.33203125" style="354" customWidth="1"/>
    <col min="8195" max="8195" width="4.21875" style="354" customWidth="1"/>
    <col min="8196" max="8196" width="18.33203125" style="354" customWidth="1"/>
    <col min="8197" max="8197" width="25.44140625" style="354" customWidth="1"/>
    <col min="8198" max="8198" width="23.21875" style="354" customWidth="1"/>
    <col min="8199" max="8448" width="9" style="354"/>
    <col min="8449" max="8449" width="4.21875" style="354" customWidth="1"/>
    <col min="8450" max="8450" width="4.33203125" style="354" customWidth="1"/>
    <col min="8451" max="8451" width="4.21875" style="354" customWidth="1"/>
    <col min="8452" max="8452" width="18.33203125" style="354" customWidth="1"/>
    <col min="8453" max="8453" width="25.44140625" style="354" customWidth="1"/>
    <col min="8454" max="8454" width="23.21875" style="354" customWidth="1"/>
    <col min="8455" max="8704" width="9" style="354"/>
    <col min="8705" max="8705" width="4.21875" style="354" customWidth="1"/>
    <col min="8706" max="8706" width="4.33203125" style="354" customWidth="1"/>
    <col min="8707" max="8707" width="4.21875" style="354" customWidth="1"/>
    <col min="8708" max="8708" width="18.33203125" style="354" customWidth="1"/>
    <col min="8709" max="8709" width="25.44140625" style="354" customWidth="1"/>
    <col min="8710" max="8710" width="23.21875" style="354" customWidth="1"/>
    <col min="8711" max="8960" width="9" style="354"/>
    <col min="8961" max="8961" width="4.21875" style="354" customWidth="1"/>
    <col min="8962" max="8962" width="4.33203125" style="354" customWidth="1"/>
    <col min="8963" max="8963" width="4.21875" style="354" customWidth="1"/>
    <col min="8964" max="8964" width="18.33203125" style="354" customWidth="1"/>
    <col min="8965" max="8965" width="25.44140625" style="354" customWidth="1"/>
    <col min="8966" max="8966" width="23.21875" style="354" customWidth="1"/>
    <col min="8967" max="9216" width="9" style="354"/>
    <col min="9217" max="9217" width="4.21875" style="354" customWidth="1"/>
    <col min="9218" max="9218" width="4.33203125" style="354" customWidth="1"/>
    <col min="9219" max="9219" width="4.21875" style="354" customWidth="1"/>
    <col min="9220" max="9220" width="18.33203125" style="354" customWidth="1"/>
    <col min="9221" max="9221" width="25.44140625" style="354" customWidth="1"/>
    <col min="9222" max="9222" width="23.21875" style="354" customWidth="1"/>
    <col min="9223" max="9472" width="9" style="354"/>
    <col min="9473" max="9473" width="4.21875" style="354" customWidth="1"/>
    <col min="9474" max="9474" width="4.33203125" style="354" customWidth="1"/>
    <col min="9475" max="9475" width="4.21875" style="354" customWidth="1"/>
    <col min="9476" max="9476" width="18.33203125" style="354" customWidth="1"/>
    <col min="9477" max="9477" width="25.44140625" style="354" customWidth="1"/>
    <col min="9478" max="9478" width="23.21875" style="354" customWidth="1"/>
    <col min="9479" max="9728" width="9" style="354"/>
    <col min="9729" max="9729" width="4.21875" style="354" customWidth="1"/>
    <col min="9730" max="9730" width="4.33203125" style="354" customWidth="1"/>
    <col min="9731" max="9731" width="4.21875" style="354" customWidth="1"/>
    <col min="9732" max="9732" width="18.33203125" style="354" customWidth="1"/>
    <col min="9733" max="9733" width="25.44140625" style="354" customWidth="1"/>
    <col min="9734" max="9734" width="23.21875" style="354" customWidth="1"/>
    <col min="9735" max="9984" width="9" style="354"/>
    <col min="9985" max="9985" width="4.21875" style="354" customWidth="1"/>
    <col min="9986" max="9986" width="4.33203125" style="354" customWidth="1"/>
    <col min="9987" max="9987" width="4.21875" style="354" customWidth="1"/>
    <col min="9988" max="9988" width="18.33203125" style="354" customWidth="1"/>
    <col min="9989" max="9989" width="25.44140625" style="354" customWidth="1"/>
    <col min="9990" max="9990" width="23.21875" style="354" customWidth="1"/>
    <col min="9991" max="10240" width="9" style="354"/>
    <col min="10241" max="10241" width="4.21875" style="354" customWidth="1"/>
    <col min="10242" max="10242" width="4.33203125" style="354" customWidth="1"/>
    <col min="10243" max="10243" width="4.21875" style="354" customWidth="1"/>
    <col min="10244" max="10244" width="18.33203125" style="354" customWidth="1"/>
    <col min="10245" max="10245" width="25.44140625" style="354" customWidth="1"/>
    <col min="10246" max="10246" width="23.21875" style="354" customWidth="1"/>
    <col min="10247" max="10496" width="9" style="354"/>
    <col min="10497" max="10497" width="4.21875" style="354" customWidth="1"/>
    <col min="10498" max="10498" width="4.33203125" style="354" customWidth="1"/>
    <col min="10499" max="10499" width="4.21875" style="354" customWidth="1"/>
    <col min="10500" max="10500" width="18.33203125" style="354" customWidth="1"/>
    <col min="10501" max="10501" width="25.44140625" style="354" customWidth="1"/>
    <col min="10502" max="10502" width="23.21875" style="354" customWidth="1"/>
    <col min="10503" max="10752" width="9" style="354"/>
    <col min="10753" max="10753" width="4.21875" style="354" customWidth="1"/>
    <col min="10754" max="10754" width="4.33203125" style="354" customWidth="1"/>
    <col min="10755" max="10755" width="4.21875" style="354" customWidth="1"/>
    <col min="10756" max="10756" width="18.33203125" style="354" customWidth="1"/>
    <col min="10757" max="10757" width="25.44140625" style="354" customWidth="1"/>
    <col min="10758" max="10758" width="23.21875" style="354" customWidth="1"/>
    <col min="10759" max="11008" width="9" style="354"/>
    <col min="11009" max="11009" width="4.21875" style="354" customWidth="1"/>
    <col min="11010" max="11010" width="4.33203125" style="354" customWidth="1"/>
    <col min="11011" max="11011" width="4.21875" style="354" customWidth="1"/>
    <col min="11012" max="11012" width="18.33203125" style="354" customWidth="1"/>
    <col min="11013" max="11013" width="25.44140625" style="354" customWidth="1"/>
    <col min="11014" max="11014" width="23.21875" style="354" customWidth="1"/>
    <col min="11015" max="11264" width="9" style="354"/>
    <col min="11265" max="11265" width="4.21875" style="354" customWidth="1"/>
    <col min="11266" max="11266" width="4.33203125" style="354" customWidth="1"/>
    <col min="11267" max="11267" width="4.21875" style="354" customWidth="1"/>
    <col min="11268" max="11268" width="18.33203125" style="354" customWidth="1"/>
    <col min="11269" max="11269" width="25.44140625" style="354" customWidth="1"/>
    <col min="11270" max="11270" width="23.21875" style="354" customWidth="1"/>
    <col min="11271" max="11520" width="9" style="354"/>
    <col min="11521" max="11521" width="4.21875" style="354" customWidth="1"/>
    <col min="11522" max="11522" width="4.33203125" style="354" customWidth="1"/>
    <col min="11523" max="11523" width="4.21875" style="354" customWidth="1"/>
    <col min="11524" max="11524" width="18.33203125" style="354" customWidth="1"/>
    <col min="11525" max="11525" width="25.44140625" style="354" customWidth="1"/>
    <col min="11526" max="11526" width="23.21875" style="354" customWidth="1"/>
    <col min="11527" max="11776" width="9" style="354"/>
    <col min="11777" max="11777" width="4.21875" style="354" customWidth="1"/>
    <col min="11778" max="11778" width="4.33203125" style="354" customWidth="1"/>
    <col min="11779" max="11779" width="4.21875" style="354" customWidth="1"/>
    <col min="11780" max="11780" width="18.33203125" style="354" customWidth="1"/>
    <col min="11781" max="11781" width="25.44140625" style="354" customWidth="1"/>
    <col min="11782" max="11782" width="23.21875" style="354" customWidth="1"/>
    <col min="11783" max="12032" width="9" style="354"/>
    <col min="12033" max="12033" width="4.21875" style="354" customWidth="1"/>
    <col min="12034" max="12034" width="4.33203125" style="354" customWidth="1"/>
    <col min="12035" max="12035" width="4.21875" style="354" customWidth="1"/>
    <col min="12036" max="12036" width="18.33203125" style="354" customWidth="1"/>
    <col min="12037" max="12037" width="25.44140625" style="354" customWidth="1"/>
    <col min="12038" max="12038" width="23.21875" style="354" customWidth="1"/>
    <col min="12039" max="12288" width="9" style="354"/>
    <col min="12289" max="12289" width="4.21875" style="354" customWidth="1"/>
    <col min="12290" max="12290" width="4.33203125" style="354" customWidth="1"/>
    <col min="12291" max="12291" width="4.21875" style="354" customWidth="1"/>
    <col min="12292" max="12292" width="18.33203125" style="354" customWidth="1"/>
    <col min="12293" max="12293" width="25.44140625" style="354" customWidth="1"/>
    <col min="12294" max="12294" width="23.21875" style="354" customWidth="1"/>
    <col min="12295" max="12544" width="9" style="354"/>
    <col min="12545" max="12545" width="4.21875" style="354" customWidth="1"/>
    <col min="12546" max="12546" width="4.33203125" style="354" customWidth="1"/>
    <col min="12547" max="12547" width="4.21875" style="354" customWidth="1"/>
    <col min="12548" max="12548" width="18.33203125" style="354" customWidth="1"/>
    <col min="12549" max="12549" width="25.44140625" style="354" customWidth="1"/>
    <col min="12550" max="12550" width="23.21875" style="354" customWidth="1"/>
    <col min="12551" max="12800" width="9" style="354"/>
    <col min="12801" max="12801" width="4.21875" style="354" customWidth="1"/>
    <col min="12802" max="12802" width="4.33203125" style="354" customWidth="1"/>
    <col min="12803" max="12803" width="4.21875" style="354" customWidth="1"/>
    <col min="12804" max="12804" width="18.33203125" style="354" customWidth="1"/>
    <col min="12805" max="12805" width="25.44140625" style="354" customWidth="1"/>
    <col min="12806" max="12806" width="23.21875" style="354" customWidth="1"/>
    <col min="12807" max="13056" width="9" style="354"/>
    <col min="13057" max="13057" width="4.21875" style="354" customWidth="1"/>
    <col min="13058" max="13058" width="4.33203125" style="354" customWidth="1"/>
    <col min="13059" max="13059" width="4.21875" style="354" customWidth="1"/>
    <col min="13060" max="13060" width="18.33203125" style="354" customWidth="1"/>
    <col min="13061" max="13061" width="25.44140625" style="354" customWidth="1"/>
    <col min="13062" max="13062" width="23.21875" style="354" customWidth="1"/>
    <col min="13063" max="13312" width="9" style="354"/>
    <col min="13313" max="13313" width="4.21875" style="354" customWidth="1"/>
    <col min="13314" max="13314" width="4.33203125" style="354" customWidth="1"/>
    <col min="13315" max="13315" width="4.21875" style="354" customWidth="1"/>
    <col min="13316" max="13316" width="18.33203125" style="354" customWidth="1"/>
    <col min="13317" max="13317" width="25.44140625" style="354" customWidth="1"/>
    <col min="13318" max="13318" width="23.21875" style="354" customWidth="1"/>
    <col min="13319" max="13568" width="9" style="354"/>
    <col min="13569" max="13569" width="4.21875" style="354" customWidth="1"/>
    <col min="13570" max="13570" width="4.33203125" style="354" customWidth="1"/>
    <col min="13571" max="13571" width="4.21875" style="354" customWidth="1"/>
    <col min="13572" max="13572" width="18.33203125" style="354" customWidth="1"/>
    <col min="13573" max="13573" width="25.44140625" style="354" customWidth="1"/>
    <col min="13574" max="13574" width="23.21875" style="354" customWidth="1"/>
    <col min="13575" max="13824" width="9" style="354"/>
    <col min="13825" max="13825" width="4.21875" style="354" customWidth="1"/>
    <col min="13826" max="13826" width="4.33203125" style="354" customWidth="1"/>
    <col min="13827" max="13827" width="4.21875" style="354" customWidth="1"/>
    <col min="13828" max="13828" width="18.33203125" style="354" customWidth="1"/>
    <col min="13829" max="13829" width="25.44140625" style="354" customWidth="1"/>
    <col min="13830" max="13830" width="23.21875" style="354" customWidth="1"/>
    <col min="13831" max="14080" width="9" style="354"/>
    <col min="14081" max="14081" width="4.21875" style="354" customWidth="1"/>
    <col min="14082" max="14082" width="4.33203125" style="354" customWidth="1"/>
    <col min="14083" max="14083" width="4.21875" style="354" customWidth="1"/>
    <col min="14084" max="14084" width="18.33203125" style="354" customWidth="1"/>
    <col min="14085" max="14085" width="25.44140625" style="354" customWidth="1"/>
    <col min="14086" max="14086" width="23.21875" style="354" customWidth="1"/>
    <col min="14087" max="14336" width="9" style="354"/>
    <col min="14337" max="14337" width="4.21875" style="354" customWidth="1"/>
    <col min="14338" max="14338" width="4.33203125" style="354" customWidth="1"/>
    <col min="14339" max="14339" width="4.21875" style="354" customWidth="1"/>
    <col min="14340" max="14340" width="18.33203125" style="354" customWidth="1"/>
    <col min="14341" max="14341" width="25.44140625" style="354" customWidth="1"/>
    <col min="14342" max="14342" width="23.21875" style="354" customWidth="1"/>
    <col min="14343" max="14592" width="9" style="354"/>
    <col min="14593" max="14593" width="4.21875" style="354" customWidth="1"/>
    <col min="14594" max="14594" width="4.33203125" style="354" customWidth="1"/>
    <col min="14595" max="14595" width="4.21875" style="354" customWidth="1"/>
    <col min="14596" max="14596" width="18.33203125" style="354" customWidth="1"/>
    <col min="14597" max="14597" width="25.44140625" style="354" customWidth="1"/>
    <col min="14598" max="14598" width="23.21875" style="354" customWidth="1"/>
    <col min="14599" max="14848" width="9" style="354"/>
    <col min="14849" max="14849" width="4.21875" style="354" customWidth="1"/>
    <col min="14850" max="14850" width="4.33203125" style="354" customWidth="1"/>
    <col min="14851" max="14851" width="4.21875" style="354" customWidth="1"/>
    <col min="14852" max="14852" width="18.33203125" style="354" customWidth="1"/>
    <col min="14853" max="14853" width="25.44140625" style="354" customWidth="1"/>
    <col min="14854" max="14854" width="23.21875" style="354" customWidth="1"/>
    <col min="14855" max="15104" width="9" style="354"/>
    <col min="15105" max="15105" width="4.21875" style="354" customWidth="1"/>
    <col min="15106" max="15106" width="4.33203125" style="354" customWidth="1"/>
    <col min="15107" max="15107" width="4.21875" style="354" customWidth="1"/>
    <col min="15108" max="15108" width="18.33203125" style="354" customWidth="1"/>
    <col min="15109" max="15109" width="25.44140625" style="354" customWidth="1"/>
    <col min="15110" max="15110" width="23.21875" style="354" customWidth="1"/>
    <col min="15111" max="15360" width="9" style="354"/>
    <col min="15361" max="15361" width="4.21875" style="354" customWidth="1"/>
    <col min="15362" max="15362" width="4.33203125" style="354" customWidth="1"/>
    <col min="15363" max="15363" width="4.21875" style="354" customWidth="1"/>
    <col min="15364" max="15364" width="18.33203125" style="354" customWidth="1"/>
    <col min="15365" max="15365" width="25.44140625" style="354" customWidth="1"/>
    <col min="15366" max="15366" width="23.21875" style="354" customWidth="1"/>
    <col min="15367" max="15616" width="9" style="354"/>
    <col min="15617" max="15617" width="4.21875" style="354" customWidth="1"/>
    <col min="15618" max="15618" width="4.33203125" style="354" customWidth="1"/>
    <col min="15619" max="15619" width="4.21875" style="354" customWidth="1"/>
    <col min="15620" max="15620" width="18.33203125" style="354" customWidth="1"/>
    <col min="15621" max="15621" width="25.44140625" style="354" customWidth="1"/>
    <col min="15622" max="15622" width="23.21875" style="354" customWidth="1"/>
    <col min="15623" max="15872" width="9" style="354"/>
    <col min="15873" max="15873" width="4.21875" style="354" customWidth="1"/>
    <col min="15874" max="15874" width="4.33203125" style="354" customWidth="1"/>
    <col min="15875" max="15875" width="4.21875" style="354" customWidth="1"/>
    <col min="15876" max="15876" width="18.33203125" style="354" customWidth="1"/>
    <col min="15877" max="15877" width="25.44140625" style="354" customWidth="1"/>
    <col min="15878" max="15878" width="23.21875" style="354" customWidth="1"/>
    <col min="15879" max="16128" width="9" style="354"/>
    <col min="16129" max="16129" width="4.21875" style="354" customWidth="1"/>
    <col min="16130" max="16130" width="4.33203125" style="354" customWidth="1"/>
    <col min="16131" max="16131" width="4.21875" style="354" customWidth="1"/>
    <col min="16132" max="16132" width="18.33203125" style="354" customWidth="1"/>
    <col min="16133" max="16133" width="25.44140625" style="354" customWidth="1"/>
    <col min="16134" max="16134" width="23.21875" style="354" customWidth="1"/>
    <col min="16135" max="16384" width="9" style="354"/>
  </cols>
  <sheetData>
    <row r="1" spans="1:6" ht="27" customHeight="1">
      <c r="A1" s="353"/>
      <c r="B1" s="77" t="s">
        <v>468</v>
      </c>
      <c r="C1" s="77"/>
      <c r="D1" s="77"/>
      <c r="E1" s="77"/>
      <c r="F1" s="77"/>
    </row>
    <row r="2" spans="1:6" ht="12">
      <c r="A2" s="353"/>
      <c r="B2" s="77" t="s">
        <v>469</v>
      </c>
      <c r="C2" s="77"/>
      <c r="D2" s="77"/>
      <c r="E2" s="77"/>
      <c r="F2" s="77"/>
    </row>
    <row r="3" spans="1:6" ht="12.6" thickBot="1">
      <c r="B3" s="77"/>
      <c r="C3" s="77"/>
      <c r="D3" s="77"/>
      <c r="E3" s="77"/>
      <c r="F3" s="77"/>
    </row>
    <row r="4" spans="1:6" ht="13.2">
      <c r="B4" s="1361" t="s">
        <v>470</v>
      </c>
      <c r="C4" s="1206"/>
      <c r="D4" s="1202"/>
      <c r="E4" s="79"/>
      <c r="F4" s="80"/>
    </row>
    <row r="5" spans="1:6" ht="24.9" customHeight="1">
      <c r="B5" s="46" t="s">
        <v>471</v>
      </c>
      <c r="C5" s="47"/>
      <c r="D5" s="47"/>
      <c r="E5" s="211"/>
      <c r="F5" s="355"/>
    </row>
    <row r="6" spans="1:6" ht="24.9" customHeight="1">
      <c r="B6" s="49" t="s">
        <v>472</v>
      </c>
      <c r="C6" s="51"/>
      <c r="D6" s="51"/>
      <c r="E6" s="14"/>
      <c r="F6" s="48" t="s">
        <v>473</v>
      </c>
    </row>
    <row r="7" spans="1:6" ht="13.5" customHeight="1">
      <c r="B7" s="1570" t="s">
        <v>474</v>
      </c>
      <c r="C7" s="1331" t="s">
        <v>475</v>
      </c>
      <c r="D7" s="1384"/>
      <c r="E7" s="1331" t="s">
        <v>476</v>
      </c>
      <c r="F7" s="1574"/>
    </row>
    <row r="8" spans="1:6">
      <c r="B8" s="1571"/>
      <c r="C8" s="1572"/>
      <c r="D8" s="1146"/>
      <c r="E8" s="1575"/>
      <c r="F8" s="1576"/>
    </row>
    <row r="9" spans="1:6" ht="22.5" customHeight="1">
      <c r="B9" s="1571"/>
      <c r="C9" s="1573"/>
      <c r="D9" s="1148"/>
      <c r="E9" s="1577" t="s">
        <v>477</v>
      </c>
      <c r="F9" s="1578"/>
    </row>
    <row r="10" spans="1:6">
      <c r="B10" s="1571"/>
      <c r="C10" s="1331" t="s">
        <v>478</v>
      </c>
      <c r="D10" s="1384"/>
      <c r="E10" s="1331" t="s">
        <v>479</v>
      </c>
      <c r="F10" s="1574"/>
    </row>
    <row r="11" spans="1:6">
      <c r="B11" s="1571"/>
      <c r="C11" s="1572"/>
      <c r="D11" s="1146"/>
      <c r="E11" s="1575"/>
      <c r="F11" s="1576"/>
    </row>
    <row r="12" spans="1:6" ht="22.5" customHeight="1">
      <c r="B12" s="1571"/>
      <c r="C12" s="1573"/>
      <c r="D12" s="1148"/>
      <c r="E12" s="1577" t="s">
        <v>480</v>
      </c>
      <c r="F12" s="1578"/>
    </row>
    <row r="13" spans="1:6" ht="0.15" customHeight="1">
      <c r="B13" s="356"/>
      <c r="C13" s="50" t="s">
        <v>481</v>
      </c>
      <c r="D13" s="357"/>
      <c r="E13" s="905" t="s">
        <v>482</v>
      </c>
      <c r="F13" s="907"/>
    </row>
    <row r="14" spans="1:6" ht="24.9" customHeight="1">
      <c r="B14" s="356"/>
      <c r="C14" s="1352" t="s">
        <v>483</v>
      </c>
      <c r="D14" s="1579"/>
      <c r="E14" s="211"/>
      <c r="F14" s="358"/>
    </row>
    <row r="15" spans="1:6" ht="12">
      <c r="B15" s="1580" t="s">
        <v>484</v>
      </c>
      <c r="C15" s="1331" t="s">
        <v>485</v>
      </c>
      <c r="D15" s="1333"/>
      <c r="E15" s="119"/>
      <c r="F15" s="125"/>
    </row>
    <row r="16" spans="1:6" ht="12">
      <c r="B16" s="1580"/>
      <c r="C16" s="1575"/>
      <c r="D16" s="1311"/>
      <c r="E16" s="119"/>
      <c r="F16" s="125"/>
    </row>
    <row r="17" spans="2:6" ht="12">
      <c r="B17" s="1580"/>
      <c r="C17" s="1575"/>
      <c r="D17" s="1311"/>
      <c r="E17" s="119"/>
      <c r="F17" s="125"/>
    </row>
    <row r="18" spans="2:6" ht="12">
      <c r="B18" s="1580"/>
      <c r="C18" s="1575"/>
      <c r="D18" s="1311"/>
      <c r="E18" s="119"/>
      <c r="F18" s="125"/>
    </row>
    <row r="19" spans="2:6" ht="12">
      <c r="B19" s="1580"/>
      <c r="C19" s="1582" t="s">
        <v>486</v>
      </c>
      <c r="D19" s="1583"/>
      <c r="E19" s="119"/>
      <c r="F19" s="125"/>
    </row>
    <row r="20" spans="2:6" ht="12">
      <c r="B20" s="1580"/>
      <c r="C20" s="1584"/>
      <c r="D20" s="1583"/>
      <c r="E20" s="119"/>
      <c r="F20" s="125"/>
    </row>
    <row r="21" spans="2:6" ht="12">
      <c r="B21" s="1581"/>
      <c r="C21" s="1585"/>
      <c r="D21" s="1586"/>
      <c r="E21" s="1020"/>
      <c r="F21" s="1022"/>
    </row>
    <row r="22" spans="2:6" ht="12">
      <c r="B22" s="1587" t="s">
        <v>487</v>
      </c>
      <c r="C22" s="105"/>
      <c r="D22" s="115"/>
      <c r="E22" s="119"/>
      <c r="F22" s="125"/>
    </row>
    <row r="23" spans="2:6" ht="13.2">
      <c r="B23" s="1588"/>
      <c r="C23" s="1572" t="s">
        <v>488</v>
      </c>
      <c r="D23" s="1311"/>
      <c r="E23" s="119"/>
      <c r="F23" s="125"/>
    </row>
    <row r="24" spans="2:6" ht="12">
      <c r="B24" s="1589"/>
      <c r="C24" s="99"/>
      <c r="D24" s="107"/>
      <c r="E24" s="99"/>
      <c r="F24" s="101"/>
    </row>
    <row r="25" spans="2:6" ht="12">
      <c r="B25" s="1587" t="s">
        <v>489</v>
      </c>
      <c r="C25" s="105"/>
      <c r="D25" s="115"/>
      <c r="E25" s="105"/>
      <c r="F25" s="106"/>
    </row>
    <row r="26" spans="2:6" ht="12">
      <c r="B26" s="1590"/>
      <c r="C26" s="1572" t="s">
        <v>490</v>
      </c>
      <c r="D26" s="1146"/>
      <c r="E26" s="1591" t="s">
        <v>491</v>
      </c>
      <c r="F26" s="1001"/>
    </row>
    <row r="27" spans="2:6" ht="12">
      <c r="B27" s="1590"/>
      <c r="C27" s="99"/>
      <c r="D27" s="107"/>
      <c r="E27" s="99"/>
      <c r="F27" s="101"/>
    </row>
    <row r="28" spans="2:6" ht="21" customHeight="1">
      <c r="B28" s="1590"/>
      <c r="C28" s="990" t="s">
        <v>492</v>
      </c>
      <c r="D28" s="1592"/>
      <c r="E28" s="57" t="s">
        <v>493</v>
      </c>
      <c r="F28" s="1593"/>
    </row>
    <row r="29" spans="2:6" ht="21" customHeight="1">
      <c r="B29" s="1590"/>
      <c r="C29" s="1595" t="s">
        <v>494</v>
      </c>
      <c r="D29" s="1586"/>
      <c r="E29" s="55" t="s">
        <v>495</v>
      </c>
      <c r="F29" s="1594"/>
    </row>
    <row r="30" spans="2:6" ht="15.75" customHeight="1">
      <c r="B30" s="1590"/>
      <c r="C30" s="104"/>
      <c r="D30" s="1596" t="s">
        <v>496</v>
      </c>
      <c r="E30" s="1598" t="s">
        <v>497</v>
      </c>
      <c r="F30" s="910"/>
    </row>
    <row r="31" spans="2:6" ht="15.75" customHeight="1">
      <c r="B31" s="1590"/>
      <c r="C31" s="1610" t="s">
        <v>144</v>
      </c>
      <c r="D31" s="1597"/>
      <c r="E31" s="55" t="s">
        <v>498</v>
      </c>
      <c r="F31" s="54"/>
    </row>
    <row r="32" spans="2:6" ht="15.75" customHeight="1">
      <c r="B32" s="1590"/>
      <c r="C32" s="1611"/>
      <c r="D32" s="1596" t="s">
        <v>499</v>
      </c>
      <c r="E32" s="1598" t="s">
        <v>497</v>
      </c>
      <c r="F32" s="910"/>
    </row>
    <row r="33" spans="2:6" ht="15.75" customHeight="1">
      <c r="B33" s="1590"/>
      <c r="C33" s="98"/>
      <c r="D33" s="1612"/>
      <c r="E33" s="55" t="s">
        <v>500</v>
      </c>
      <c r="F33" s="54"/>
    </row>
    <row r="34" spans="2:6" ht="12">
      <c r="B34" s="1590"/>
      <c r="C34" s="105"/>
      <c r="D34" s="359"/>
      <c r="E34" s="119"/>
      <c r="F34" s="125"/>
    </row>
    <row r="35" spans="2:6" ht="13.2">
      <c r="B35" s="1590"/>
      <c r="C35" s="1572" t="s">
        <v>501</v>
      </c>
      <c r="D35" s="1311"/>
      <c r="E35" s="119"/>
      <c r="F35" s="125"/>
    </row>
    <row r="36" spans="2:6" ht="12">
      <c r="B36" s="1590"/>
      <c r="C36" s="119"/>
      <c r="D36" s="360"/>
      <c r="E36" s="119"/>
      <c r="F36" s="125"/>
    </row>
    <row r="37" spans="2:6" ht="12">
      <c r="B37" s="361"/>
      <c r="C37" s="103"/>
      <c r="D37" s="359"/>
      <c r="E37" s="105"/>
      <c r="F37" s="106"/>
    </row>
    <row r="38" spans="2:6" ht="12">
      <c r="B38" s="1145" t="s">
        <v>502</v>
      </c>
      <c r="C38" s="1613"/>
      <c r="D38" s="1311"/>
      <c r="E38" s="119"/>
      <c r="F38" s="125"/>
    </row>
    <row r="39" spans="2:6" ht="12">
      <c r="B39" s="1614"/>
      <c r="C39" s="1613"/>
      <c r="D39" s="1311"/>
      <c r="E39" s="119"/>
      <c r="F39" s="125"/>
    </row>
    <row r="40" spans="2:6" ht="12">
      <c r="B40" s="1614"/>
      <c r="C40" s="1613"/>
      <c r="D40" s="1311"/>
      <c r="E40" s="119"/>
      <c r="F40" s="125"/>
    </row>
    <row r="41" spans="2:6" ht="12">
      <c r="B41" s="1614"/>
      <c r="C41" s="1613"/>
      <c r="D41" s="1311"/>
      <c r="E41" s="119"/>
      <c r="F41" s="125"/>
    </row>
    <row r="42" spans="2:6" ht="12">
      <c r="B42" s="362"/>
      <c r="C42" s="81"/>
      <c r="D42" s="363"/>
      <c r="E42" s="99"/>
      <c r="F42" s="101"/>
    </row>
    <row r="43" spans="2:6">
      <c r="B43" s="1615" t="s">
        <v>503</v>
      </c>
      <c r="C43" s="1385"/>
      <c r="D43" s="1385"/>
      <c r="E43" s="1618"/>
      <c r="F43" s="1619"/>
    </row>
    <row r="44" spans="2:6">
      <c r="B44" s="1616"/>
      <c r="C44" s="1617"/>
      <c r="D44" s="1617"/>
      <c r="E44" s="1617"/>
      <c r="F44" s="1620"/>
    </row>
    <row r="45" spans="2:6">
      <c r="B45" s="1616"/>
      <c r="C45" s="1617"/>
      <c r="D45" s="1617"/>
      <c r="E45" s="1617"/>
      <c r="F45" s="1620"/>
    </row>
    <row r="46" spans="2:6">
      <c r="B46" s="1616"/>
      <c r="C46" s="1617"/>
      <c r="D46" s="1617"/>
      <c r="E46" s="1617"/>
      <c r="F46" s="1620"/>
    </row>
    <row r="47" spans="2:6">
      <c r="B47" s="1616"/>
      <c r="C47" s="1617"/>
      <c r="D47" s="1617"/>
      <c r="E47" s="1617"/>
      <c r="F47" s="1620"/>
    </row>
    <row r="48" spans="2:6">
      <c r="B48" s="1616"/>
      <c r="C48" s="1617"/>
      <c r="D48" s="1617"/>
      <c r="E48" s="1617"/>
      <c r="F48" s="1620"/>
    </row>
    <row r="49" spans="2:6" ht="13.5" customHeight="1">
      <c r="B49" s="1599" t="s">
        <v>504</v>
      </c>
      <c r="C49" s="1600"/>
      <c r="D49" s="1601"/>
      <c r="E49" s="1419"/>
      <c r="F49" s="1420"/>
    </row>
    <row r="50" spans="2:6" ht="11.25" customHeight="1">
      <c r="B50" s="1602"/>
      <c r="C50" s="1603"/>
      <c r="D50" s="1604"/>
      <c r="E50" s="1608"/>
      <c r="F50" s="1609"/>
    </row>
    <row r="51" spans="2:6" ht="11.25" customHeight="1">
      <c r="B51" s="1602"/>
      <c r="C51" s="1603"/>
      <c r="D51" s="1604"/>
      <c r="E51" s="1608"/>
      <c r="F51" s="1609"/>
    </row>
    <row r="52" spans="2:6" ht="11.25" customHeight="1">
      <c r="B52" s="1602"/>
      <c r="C52" s="1603"/>
      <c r="D52" s="1604"/>
      <c r="E52" s="1608"/>
      <c r="F52" s="1609"/>
    </row>
    <row r="53" spans="2:6" ht="11.25" customHeight="1">
      <c r="B53" s="1602"/>
      <c r="C53" s="1603"/>
      <c r="D53" s="1604"/>
      <c r="E53" s="1608"/>
      <c r="F53" s="1609"/>
    </row>
    <row r="54" spans="2:6" ht="14.25" customHeight="1" thickBot="1">
      <c r="B54" s="1605"/>
      <c r="C54" s="1606"/>
      <c r="D54" s="1607"/>
      <c r="E54" s="1421"/>
      <c r="F54" s="1422"/>
    </row>
  </sheetData>
  <mergeCells count="33">
    <mergeCell ref="B49:D54"/>
    <mergeCell ref="E49:F54"/>
    <mergeCell ref="C31:C32"/>
    <mergeCell ref="D32:D33"/>
    <mergeCell ref="E32:F32"/>
    <mergeCell ref="C35:D35"/>
    <mergeCell ref="B38:D41"/>
    <mergeCell ref="B43:D48"/>
    <mergeCell ref="E43:F48"/>
    <mergeCell ref="B22:B24"/>
    <mergeCell ref="C23:D23"/>
    <mergeCell ref="B25:B36"/>
    <mergeCell ref="C26:D26"/>
    <mergeCell ref="E26:F26"/>
    <mergeCell ref="C28:D28"/>
    <mergeCell ref="F28:F29"/>
    <mergeCell ref="C29:D29"/>
    <mergeCell ref="D30:D31"/>
    <mergeCell ref="E30:F30"/>
    <mergeCell ref="E13:F13"/>
    <mergeCell ref="C14:D14"/>
    <mergeCell ref="B15:B21"/>
    <mergeCell ref="C15:D18"/>
    <mergeCell ref="C19:D21"/>
    <mergeCell ref="E21:F21"/>
    <mergeCell ref="B4:D4"/>
    <mergeCell ref="B7:B12"/>
    <mergeCell ref="C7:D9"/>
    <mergeCell ref="E7:F8"/>
    <mergeCell ref="E9:F9"/>
    <mergeCell ref="C10:D12"/>
    <mergeCell ref="E10:F11"/>
    <mergeCell ref="E12:F12"/>
  </mergeCells>
  <phoneticPr fontId="3"/>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7345" r:id="rId4" name="Check Box 1">
              <controlPr defaultSize="0" autoFill="0" autoLine="0" autoPict="0">
                <anchor moveWithCells="1">
                  <from>
                    <xdr:col>4</xdr:col>
                    <xdr:colOff>441960</xdr:colOff>
                    <xdr:row>4</xdr:row>
                    <xdr:rowOff>30480</xdr:rowOff>
                  </from>
                  <to>
                    <xdr:col>4</xdr:col>
                    <xdr:colOff>876300</xdr:colOff>
                    <xdr:row>4</xdr:row>
                    <xdr:rowOff>297180</xdr:rowOff>
                  </to>
                </anchor>
              </controlPr>
            </control>
          </mc:Choice>
        </mc:AlternateContent>
        <mc:AlternateContent xmlns:mc="http://schemas.openxmlformats.org/markup-compatibility/2006">
          <mc:Choice Requires="x14">
            <control shapeId="57346" r:id="rId5" name="Check Box 2">
              <controlPr defaultSize="0" autoFill="0" autoLine="0" autoPict="0">
                <anchor moveWithCells="1">
                  <from>
                    <xdr:col>4</xdr:col>
                    <xdr:colOff>944880</xdr:colOff>
                    <xdr:row>4</xdr:row>
                    <xdr:rowOff>53340</xdr:rowOff>
                  </from>
                  <to>
                    <xdr:col>4</xdr:col>
                    <xdr:colOff>1371600</xdr:colOff>
                    <xdr:row>4</xdr:row>
                    <xdr:rowOff>281940</xdr:rowOff>
                  </to>
                </anchor>
              </controlPr>
            </control>
          </mc:Choice>
        </mc:AlternateContent>
        <mc:AlternateContent xmlns:mc="http://schemas.openxmlformats.org/markup-compatibility/2006">
          <mc:Choice Requires="x14">
            <control shapeId="57347" r:id="rId6" name="Check Box 3">
              <controlPr defaultSize="0" autoFill="0" autoLine="0" autoPict="0">
                <anchor moveWithCells="1">
                  <from>
                    <xdr:col>4</xdr:col>
                    <xdr:colOff>441960</xdr:colOff>
                    <xdr:row>13</xdr:row>
                    <xdr:rowOff>30480</xdr:rowOff>
                  </from>
                  <to>
                    <xdr:col>4</xdr:col>
                    <xdr:colOff>876300</xdr:colOff>
                    <xdr:row>13</xdr:row>
                    <xdr:rowOff>297180</xdr:rowOff>
                  </to>
                </anchor>
              </controlPr>
            </control>
          </mc:Choice>
        </mc:AlternateContent>
        <mc:AlternateContent xmlns:mc="http://schemas.openxmlformats.org/markup-compatibility/2006">
          <mc:Choice Requires="x14">
            <control shapeId="57348" r:id="rId7" name="Check Box 4">
              <controlPr defaultSize="0" autoFill="0" autoLine="0" autoPict="0">
                <anchor moveWithCells="1">
                  <from>
                    <xdr:col>4</xdr:col>
                    <xdr:colOff>944880</xdr:colOff>
                    <xdr:row>13</xdr:row>
                    <xdr:rowOff>53340</xdr:rowOff>
                  </from>
                  <to>
                    <xdr:col>4</xdr:col>
                    <xdr:colOff>1371600</xdr:colOff>
                    <xdr:row>13</xdr:row>
                    <xdr:rowOff>281940</xdr:rowOff>
                  </to>
                </anchor>
              </controlPr>
            </control>
          </mc:Choice>
        </mc:AlternateContent>
      </controls>
    </mc:Choice>
  </mc:AlternateConten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G28"/>
  <sheetViews>
    <sheetView view="pageBreakPreview" zoomScaleNormal="100" zoomScaleSheetLayoutView="100" workbookViewId="0">
      <selection activeCell="R39" sqref="R39"/>
    </sheetView>
  </sheetViews>
  <sheetFormatPr defaultRowHeight="10.8"/>
  <cols>
    <col min="1" max="1" width="1.77734375" style="354" customWidth="1"/>
    <col min="2" max="2" width="9" style="354" customWidth="1"/>
    <col min="3" max="3" width="16.109375" style="354" customWidth="1"/>
    <col min="4" max="4" width="6.21875" style="354" customWidth="1"/>
    <col min="5" max="5" width="26.44140625" style="354" customWidth="1"/>
    <col min="6" max="6" width="10" style="354" customWidth="1"/>
    <col min="7" max="7" width="12.88671875" style="354" customWidth="1"/>
    <col min="8" max="256" width="9" style="354"/>
    <col min="257" max="257" width="1.77734375" style="354" customWidth="1"/>
    <col min="258" max="258" width="9" style="354" customWidth="1"/>
    <col min="259" max="259" width="16.109375" style="354" customWidth="1"/>
    <col min="260" max="260" width="6.21875" style="354" customWidth="1"/>
    <col min="261" max="261" width="26.44140625" style="354" customWidth="1"/>
    <col min="262" max="262" width="10" style="354" customWidth="1"/>
    <col min="263" max="263" width="12.88671875" style="354" customWidth="1"/>
    <col min="264" max="512" width="9" style="354"/>
    <col min="513" max="513" width="1.77734375" style="354" customWidth="1"/>
    <col min="514" max="514" width="9" style="354" customWidth="1"/>
    <col min="515" max="515" width="16.109375" style="354" customWidth="1"/>
    <col min="516" max="516" width="6.21875" style="354" customWidth="1"/>
    <col min="517" max="517" width="26.44140625" style="354" customWidth="1"/>
    <col min="518" max="518" width="10" style="354" customWidth="1"/>
    <col min="519" max="519" width="12.88671875" style="354" customWidth="1"/>
    <col min="520" max="768" width="9" style="354"/>
    <col min="769" max="769" width="1.77734375" style="354" customWidth="1"/>
    <col min="770" max="770" width="9" style="354" customWidth="1"/>
    <col min="771" max="771" width="16.109375" style="354" customWidth="1"/>
    <col min="772" max="772" width="6.21875" style="354" customWidth="1"/>
    <col min="773" max="773" width="26.44140625" style="354" customWidth="1"/>
    <col min="774" max="774" width="10" style="354" customWidth="1"/>
    <col min="775" max="775" width="12.88671875" style="354" customWidth="1"/>
    <col min="776" max="1024" width="9" style="354"/>
    <col min="1025" max="1025" width="1.77734375" style="354" customWidth="1"/>
    <col min="1026" max="1026" width="9" style="354" customWidth="1"/>
    <col min="1027" max="1027" width="16.109375" style="354" customWidth="1"/>
    <col min="1028" max="1028" width="6.21875" style="354" customWidth="1"/>
    <col min="1029" max="1029" width="26.44140625" style="354" customWidth="1"/>
    <col min="1030" max="1030" width="10" style="354" customWidth="1"/>
    <col min="1031" max="1031" width="12.88671875" style="354" customWidth="1"/>
    <col min="1032" max="1280" width="9" style="354"/>
    <col min="1281" max="1281" width="1.77734375" style="354" customWidth="1"/>
    <col min="1282" max="1282" width="9" style="354" customWidth="1"/>
    <col min="1283" max="1283" width="16.109375" style="354" customWidth="1"/>
    <col min="1284" max="1284" width="6.21875" style="354" customWidth="1"/>
    <col min="1285" max="1285" width="26.44140625" style="354" customWidth="1"/>
    <col min="1286" max="1286" width="10" style="354" customWidth="1"/>
    <col min="1287" max="1287" width="12.88671875" style="354" customWidth="1"/>
    <col min="1288" max="1536" width="9" style="354"/>
    <col min="1537" max="1537" width="1.77734375" style="354" customWidth="1"/>
    <col min="1538" max="1538" width="9" style="354" customWidth="1"/>
    <col min="1539" max="1539" width="16.109375" style="354" customWidth="1"/>
    <col min="1540" max="1540" width="6.21875" style="354" customWidth="1"/>
    <col min="1541" max="1541" width="26.44140625" style="354" customWidth="1"/>
    <col min="1542" max="1542" width="10" style="354" customWidth="1"/>
    <col min="1543" max="1543" width="12.88671875" style="354" customWidth="1"/>
    <col min="1544" max="1792" width="9" style="354"/>
    <col min="1793" max="1793" width="1.77734375" style="354" customWidth="1"/>
    <col min="1794" max="1794" width="9" style="354" customWidth="1"/>
    <col min="1795" max="1795" width="16.109375" style="354" customWidth="1"/>
    <col min="1796" max="1796" width="6.21875" style="354" customWidth="1"/>
    <col min="1797" max="1797" width="26.44140625" style="354" customWidth="1"/>
    <col min="1798" max="1798" width="10" style="354" customWidth="1"/>
    <col min="1799" max="1799" width="12.88671875" style="354" customWidth="1"/>
    <col min="1800" max="2048" width="9" style="354"/>
    <col min="2049" max="2049" width="1.77734375" style="354" customWidth="1"/>
    <col min="2050" max="2050" width="9" style="354" customWidth="1"/>
    <col min="2051" max="2051" width="16.109375" style="354" customWidth="1"/>
    <col min="2052" max="2052" width="6.21875" style="354" customWidth="1"/>
    <col min="2053" max="2053" width="26.44140625" style="354" customWidth="1"/>
    <col min="2054" max="2054" width="10" style="354" customWidth="1"/>
    <col min="2055" max="2055" width="12.88671875" style="354" customWidth="1"/>
    <col min="2056" max="2304" width="9" style="354"/>
    <col min="2305" max="2305" width="1.77734375" style="354" customWidth="1"/>
    <col min="2306" max="2306" width="9" style="354" customWidth="1"/>
    <col min="2307" max="2307" width="16.109375" style="354" customWidth="1"/>
    <col min="2308" max="2308" width="6.21875" style="354" customWidth="1"/>
    <col min="2309" max="2309" width="26.44140625" style="354" customWidth="1"/>
    <col min="2310" max="2310" width="10" style="354" customWidth="1"/>
    <col min="2311" max="2311" width="12.88671875" style="354" customWidth="1"/>
    <col min="2312" max="2560" width="9" style="354"/>
    <col min="2561" max="2561" width="1.77734375" style="354" customWidth="1"/>
    <col min="2562" max="2562" width="9" style="354" customWidth="1"/>
    <col min="2563" max="2563" width="16.109375" style="354" customWidth="1"/>
    <col min="2564" max="2564" width="6.21875" style="354" customWidth="1"/>
    <col min="2565" max="2565" width="26.44140625" style="354" customWidth="1"/>
    <col min="2566" max="2566" width="10" style="354" customWidth="1"/>
    <col min="2567" max="2567" width="12.88671875" style="354" customWidth="1"/>
    <col min="2568" max="2816" width="9" style="354"/>
    <col min="2817" max="2817" width="1.77734375" style="354" customWidth="1"/>
    <col min="2818" max="2818" width="9" style="354" customWidth="1"/>
    <col min="2819" max="2819" width="16.109375" style="354" customWidth="1"/>
    <col min="2820" max="2820" width="6.21875" style="354" customWidth="1"/>
    <col min="2821" max="2821" width="26.44140625" style="354" customWidth="1"/>
    <col min="2822" max="2822" width="10" style="354" customWidth="1"/>
    <col min="2823" max="2823" width="12.88671875" style="354" customWidth="1"/>
    <col min="2824" max="3072" width="9" style="354"/>
    <col min="3073" max="3073" width="1.77734375" style="354" customWidth="1"/>
    <col min="3074" max="3074" width="9" style="354" customWidth="1"/>
    <col min="3075" max="3075" width="16.109375" style="354" customWidth="1"/>
    <col min="3076" max="3076" width="6.21875" style="354" customWidth="1"/>
    <col min="3077" max="3077" width="26.44140625" style="354" customWidth="1"/>
    <col min="3078" max="3078" width="10" style="354" customWidth="1"/>
    <col min="3079" max="3079" width="12.88671875" style="354" customWidth="1"/>
    <col min="3080" max="3328" width="9" style="354"/>
    <col min="3329" max="3329" width="1.77734375" style="354" customWidth="1"/>
    <col min="3330" max="3330" width="9" style="354" customWidth="1"/>
    <col min="3331" max="3331" width="16.109375" style="354" customWidth="1"/>
    <col min="3332" max="3332" width="6.21875" style="354" customWidth="1"/>
    <col min="3333" max="3333" width="26.44140625" style="354" customWidth="1"/>
    <col min="3334" max="3334" width="10" style="354" customWidth="1"/>
    <col min="3335" max="3335" width="12.88671875" style="354" customWidth="1"/>
    <col min="3336" max="3584" width="9" style="354"/>
    <col min="3585" max="3585" width="1.77734375" style="354" customWidth="1"/>
    <col min="3586" max="3586" width="9" style="354" customWidth="1"/>
    <col min="3587" max="3587" width="16.109375" style="354" customWidth="1"/>
    <col min="3588" max="3588" width="6.21875" style="354" customWidth="1"/>
    <col min="3589" max="3589" width="26.44140625" style="354" customWidth="1"/>
    <col min="3590" max="3590" width="10" style="354" customWidth="1"/>
    <col min="3591" max="3591" width="12.88671875" style="354" customWidth="1"/>
    <col min="3592" max="3840" width="9" style="354"/>
    <col min="3841" max="3841" width="1.77734375" style="354" customWidth="1"/>
    <col min="3842" max="3842" width="9" style="354" customWidth="1"/>
    <col min="3843" max="3843" width="16.109375" style="354" customWidth="1"/>
    <col min="3844" max="3844" width="6.21875" style="354" customWidth="1"/>
    <col min="3845" max="3845" width="26.44140625" style="354" customWidth="1"/>
    <col min="3846" max="3846" width="10" style="354" customWidth="1"/>
    <col min="3847" max="3847" width="12.88671875" style="354" customWidth="1"/>
    <col min="3848" max="4096" width="9" style="354"/>
    <col min="4097" max="4097" width="1.77734375" style="354" customWidth="1"/>
    <col min="4098" max="4098" width="9" style="354" customWidth="1"/>
    <col min="4099" max="4099" width="16.109375" style="354" customWidth="1"/>
    <col min="4100" max="4100" width="6.21875" style="354" customWidth="1"/>
    <col min="4101" max="4101" width="26.44140625" style="354" customWidth="1"/>
    <col min="4102" max="4102" width="10" style="354" customWidth="1"/>
    <col min="4103" max="4103" width="12.88671875" style="354" customWidth="1"/>
    <col min="4104" max="4352" width="9" style="354"/>
    <col min="4353" max="4353" width="1.77734375" style="354" customWidth="1"/>
    <col min="4354" max="4354" width="9" style="354" customWidth="1"/>
    <col min="4355" max="4355" width="16.109375" style="354" customWidth="1"/>
    <col min="4356" max="4356" width="6.21875" style="354" customWidth="1"/>
    <col min="4357" max="4357" width="26.44140625" style="354" customWidth="1"/>
    <col min="4358" max="4358" width="10" style="354" customWidth="1"/>
    <col min="4359" max="4359" width="12.88671875" style="354" customWidth="1"/>
    <col min="4360" max="4608" width="9" style="354"/>
    <col min="4609" max="4609" width="1.77734375" style="354" customWidth="1"/>
    <col min="4610" max="4610" width="9" style="354" customWidth="1"/>
    <col min="4611" max="4611" width="16.109375" style="354" customWidth="1"/>
    <col min="4612" max="4612" width="6.21875" style="354" customWidth="1"/>
    <col min="4613" max="4613" width="26.44140625" style="354" customWidth="1"/>
    <col min="4614" max="4614" width="10" style="354" customWidth="1"/>
    <col min="4615" max="4615" width="12.88671875" style="354" customWidth="1"/>
    <col min="4616" max="4864" width="9" style="354"/>
    <col min="4865" max="4865" width="1.77734375" style="354" customWidth="1"/>
    <col min="4866" max="4866" width="9" style="354" customWidth="1"/>
    <col min="4867" max="4867" width="16.109375" style="354" customWidth="1"/>
    <col min="4868" max="4868" width="6.21875" style="354" customWidth="1"/>
    <col min="4869" max="4869" width="26.44140625" style="354" customWidth="1"/>
    <col min="4870" max="4870" width="10" style="354" customWidth="1"/>
    <col min="4871" max="4871" width="12.88671875" style="354" customWidth="1"/>
    <col min="4872" max="5120" width="9" style="354"/>
    <col min="5121" max="5121" width="1.77734375" style="354" customWidth="1"/>
    <col min="5122" max="5122" width="9" style="354" customWidth="1"/>
    <col min="5123" max="5123" width="16.109375" style="354" customWidth="1"/>
    <col min="5124" max="5124" width="6.21875" style="354" customWidth="1"/>
    <col min="5125" max="5125" width="26.44140625" style="354" customWidth="1"/>
    <col min="5126" max="5126" width="10" style="354" customWidth="1"/>
    <col min="5127" max="5127" width="12.88671875" style="354" customWidth="1"/>
    <col min="5128" max="5376" width="9" style="354"/>
    <col min="5377" max="5377" width="1.77734375" style="354" customWidth="1"/>
    <col min="5378" max="5378" width="9" style="354" customWidth="1"/>
    <col min="5379" max="5379" width="16.109375" style="354" customWidth="1"/>
    <col min="5380" max="5380" width="6.21875" style="354" customWidth="1"/>
    <col min="5381" max="5381" width="26.44140625" style="354" customWidth="1"/>
    <col min="5382" max="5382" width="10" style="354" customWidth="1"/>
    <col min="5383" max="5383" width="12.88671875" style="354" customWidth="1"/>
    <col min="5384" max="5632" width="9" style="354"/>
    <col min="5633" max="5633" width="1.77734375" style="354" customWidth="1"/>
    <col min="5634" max="5634" width="9" style="354" customWidth="1"/>
    <col min="5635" max="5635" width="16.109375" style="354" customWidth="1"/>
    <col min="5636" max="5636" width="6.21875" style="354" customWidth="1"/>
    <col min="5637" max="5637" width="26.44140625" style="354" customWidth="1"/>
    <col min="5638" max="5638" width="10" style="354" customWidth="1"/>
    <col min="5639" max="5639" width="12.88671875" style="354" customWidth="1"/>
    <col min="5640" max="5888" width="9" style="354"/>
    <col min="5889" max="5889" width="1.77734375" style="354" customWidth="1"/>
    <col min="5890" max="5890" width="9" style="354" customWidth="1"/>
    <col min="5891" max="5891" width="16.109375" style="354" customWidth="1"/>
    <col min="5892" max="5892" width="6.21875" style="354" customWidth="1"/>
    <col min="5893" max="5893" width="26.44140625" style="354" customWidth="1"/>
    <col min="5894" max="5894" width="10" style="354" customWidth="1"/>
    <col min="5895" max="5895" width="12.88671875" style="354" customWidth="1"/>
    <col min="5896" max="6144" width="9" style="354"/>
    <col min="6145" max="6145" width="1.77734375" style="354" customWidth="1"/>
    <col min="6146" max="6146" width="9" style="354" customWidth="1"/>
    <col min="6147" max="6147" width="16.109375" style="354" customWidth="1"/>
    <col min="6148" max="6148" width="6.21875" style="354" customWidth="1"/>
    <col min="6149" max="6149" width="26.44140625" style="354" customWidth="1"/>
    <col min="6150" max="6150" width="10" style="354" customWidth="1"/>
    <col min="6151" max="6151" width="12.88671875" style="354" customWidth="1"/>
    <col min="6152" max="6400" width="9" style="354"/>
    <col min="6401" max="6401" width="1.77734375" style="354" customWidth="1"/>
    <col min="6402" max="6402" width="9" style="354" customWidth="1"/>
    <col min="6403" max="6403" width="16.109375" style="354" customWidth="1"/>
    <col min="6404" max="6404" width="6.21875" style="354" customWidth="1"/>
    <col min="6405" max="6405" width="26.44140625" style="354" customWidth="1"/>
    <col min="6406" max="6406" width="10" style="354" customWidth="1"/>
    <col min="6407" max="6407" width="12.88671875" style="354" customWidth="1"/>
    <col min="6408" max="6656" width="9" style="354"/>
    <col min="6657" max="6657" width="1.77734375" style="354" customWidth="1"/>
    <col min="6658" max="6658" width="9" style="354" customWidth="1"/>
    <col min="6659" max="6659" width="16.109375" style="354" customWidth="1"/>
    <col min="6660" max="6660" width="6.21875" style="354" customWidth="1"/>
    <col min="6661" max="6661" width="26.44140625" style="354" customWidth="1"/>
    <col min="6662" max="6662" width="10" style="354" customWidth="1"/>
    <col min="6663" max="6663" width="12.88671875" style="354" customWidth="1"/>
    <col min="6664" max="6912" width="9" style="354"/>
    <col min="6913" max="6913" width="1.77734375" style="354" customWidth="1"/>
    <col min="6914" max="6914" width="9" style="354" customWidth="1"/>
    <col min="6915" max="6915" width="16.109375" style="354" customWidth="1"/>
    <col min="6916" max="6916" width="6.21875" style="354" customWidth="1"/>
    <col min="6917" max="6917" width="26.44140625" style="354" customWidth="1"/>
    <col min="6918" max="6918" width="10" style="354" customWidth="1"/>
    <col min="6919" max="6919" width="12.88671875" style="354" customWidth="1"/>
    <col min="6920" max="7168" width="9" style="354"/>
    <col min="7169" max="7169" width="1.77734375" style="354" customWidth="1"/>
    <col min="7170" max="7170" width="9" style="354" customWidth="1"/>
    <col min="7171" max="7171" width="16.109375" style="354" customWidth="1"/>
    <col min="7172" max="7172" width="6.21875" style="354" customWidth="1"/>
    <col min="7173" max="7173" width="26.44140625" style="354" customWidth="1"/>
    <col min="7174" max="7174" width="10" style="354" customWidth="1"/>
    <col min="7175" max="7175" width="12.88671875" style="354" customWidth="1"/>
    <col min="7176" max="7424" width="9" style="354"/>
    <col min="7425" max="7425" width="1.77734375" style="354" customWidth="1"/>
    <col min="7426" max="7426" width="9" style="354" customWidth="1"/>
    <col min="7427" max="7427" width="16.109375" style="354" customWidth="1"/>
    <col min="7428" max="7428" width="6.21875" style="354" customWidth="1"/>
    <col min="7429" max="7429" width="26.44140625" style="354" customWidth="1"/>
    <col min="7430" max="7430" width="10" style="354" customWidth="1"/>
    <col min="7431" max="7431" width="12.88671875" style="354" customWidth="1"/>
    <col min="7432" max="7680" width="9" style="354"/>
    <col min="7681" max="7681" width="1.77734375" style="354" customWidth="1"/>
    <col min="7682" max="7682" width="9" style="354" customWidth="1"/>
    <col min="7683" max="7683" width="16.109375" style="354" customWidth="1"/>
    <col min="7684" max="7684" width="6.21875" style="354" customWidth="1"/>
    <col min="7685" max="7685" width="26.44140625" style="354" customWidth="1"/>
    <col min="7686" max="7686" width="10" style="354" customWidth="1"/>
    <col min="7687" max="7687" width="12.88671875" style="354" customWidth="1"/>
    <col min="7688" max="7936" width="9" style="354"/>
    <col min="7937" max="7937" width="1.77734375" style="354" customWidth="1"/>
    <col min="7938" max="7938" width="9" style="354" customWidth="1"/>
    <col min="7939" max="7939" width="16.109375" style="354" customWidth="1"/>
    <col min="7940" max="7940" width="6.21875" style="354" customWidth="1"/>
    <col min="7941" max="7941" width="26.44140625" style="354" customWidth="1"/>
    <col min="7942" max="7942" width="10" style="354" customWidth="1"/>
    <col min="7943" max="7943" width="12.88671875" style="354" customWidth="1"/>
    <col min="7944" max="8192" width="9" style="354"/>
    <col min="8193" max="8193" width="1.77734375" style="354" customWidth="1"/>
    <col min="8194" max="8194" width="9" style="354" customWidth="1"/>
    <col min="8195" max="8195" width="16.109375" style="354" customWidth="1"/>
    <col min="8196" max="8196" width="6.21875" style="354" customWidth="1"/>
    <col min="8197" max="8197" width="26.44140625" style="354" customWidth="1"/>
    <col min="8198" max="8198" width="10" style="354" customWidth="1"/>
    <col min="8199" max="8199" width="12.88671875" style="354" customWidth="1"/>
    <col min="8200" max="8448" width="9" style="354"/>
    <col min="8449" max="8449" width="1.77734375" style="354" customWidth="1"/>
    <col min="8450" max="8450" width="9" style="354" customWidth="1"/>
    <col min="8451" max="8451" width="16.109375" style="354" customWidth="1"/>
    <col min="8452" max="8452" width="6.21875" style="354" customWidth="1"/>
    <col min="8453" max="8453" width="26.44140625" style="354" customWidth="1"/>
    <col min="8454" max="8454" width="10" style="354" customWidth="1"/>
    <col min="8455" max="8455" width="12.88671875" style="354" customWidth="1"/>
    <col min="8456" max="8704" width="9" style="354"/>
    <col min="8705" max="8705" width="1.77734375" style="354" customWidth="1"/>
    <col min="8706" max="8706" width="9" style="354" customWidth="1"/>
    <col min="8707" max="8707" width="16.109375" style="354" customWidth="1"/>
    <col min="8708" max="8708" width="6.21875" style="354" customWidth="1"/>
    <col min="8709" max="8709" width="26.44140625" style="354" customWidth="1"/>
    <col min="8710" max="8710" width="10" style="354" customWidth="1"/>
    <col min="8711" max="8711" width="12.88671875" style="354" customWidth="1"/>
    <col min="8712" max="8960" width="9" style="354"/>
    <col min="8961" max="8961" width="1.77734375" style="354" customWidth="1"/>
    <col min="8962" max="8962" width="9" style="354" customWidth="1"/>
    <col min="8963" max="8963" width="16.109375" style="354" customWidth="1"/>
    <col min="8964" max="8964" width="6.21875" style="354" customWidth="1"/>
    <col min="8965" max="8965" width="26.44140625" style="354" customWidth="1"/>
    <col min="8966" max="8966" width="10" style="354" customWidth="1"/>
    <col min="8967" max="8967" width="12.88671875" style="354" customWidth="1"/>
    <col min="8968" max="9216" width="9" style="354"/>
    <col min="9217" max="9217" width="1.77734375" style="354" customWidth="1"/>
    <col min="9218" max="9218" width="9" style="354" customWidth="1"/>
    <col min="9219" max="9219" width="16.109375" style="354" customWidth="1"/>
    <col min="9220" max="9220" width="6.21875" style="354" customWidth="1"/>
    <col min="9221" max="9221" width="26.44140625" style="354" customWidth="1"/>
    <col min="9222" max="9222" width="10" style="354" customWidth="1"/>
    <col min="9223" max="9223" width="12.88671875" style="354" customWidth="1"/>
    <col min="9224" max="9472" width="9" style="354"/>
    <col min="9473" max="9473" width="1.77734375" style="354" customWidth="1"/>
    <col min="9474" max="9474" width="9" style="354" customWidth="1"/>
    <col min="9475" max="9475" width="16.109375" style="354" customWidth="1"/>
    <col min="9476" max="9476" width="6.21875" style="354" customWidth="1"/>
    <col min="9477" max="9477" width="26.44140625" style="354" customWidth="1"/>
    <col min="9478" max="9478" width="10" style="354" customWidth="1"/>
    <col min="9479" max="9479" width="12.88671875" style="354" customWidth="1"/>
    <col min="9480" max="9728" width="9" style="354"/>
    <col min="9729" max="9729" width="1.77734375" style="354" customWidth="1"/>
    <col min="9730" max="9730" width="9" style="354" customWidth="1"/>
    <col min="9731" max="9731" width="16.109375" style="354" customWidth="1"/>
    <col min="9732" max="9732" width="6.21875" style="354" customWidth="1"/>
    <col min="9733" max="9733" width="26.44140625" style="354" customWidth="1"/>
    <col min="9734" max="9734" width="10" style="354" customWidth="1"/>
    <col min="9735" max="9735" width="12.88671875" style="354" customWidth="1"/>
    <col min="9736" max="9984" width="9" style="354"/>
    <col min="9985" max="9985" width="1.77734375" style="354" customWidth="1"/>
    <col min="9986" max="9986" width="9" style="354" customWidth="1"/>
    <col min="9987" max="9987" width="16.109375" style="354" customWidth="1"/>
    <col min="9988" max="9988" width="6.21875" style="354" customWidth="1"/>
    <col min="9989" max="9989" width="26.44140625" style="354" customWidth="1"/>
    <col min="9990" max="9990" width="10" style="354" customWidth="1"/>
    <col min="9991" max="9991" width="12.88671875" style="354" customWidth="1"/>
    <col min="9992" max="10240" width="9" style="354"/>
    <col min="10241" max="10241" width="1.77734375" style="354" customWidth="1"/>
    <col min="10242" max="10242" width="9" style="354" customWidth="1"/>
    <col min="10243" max="10243" width="16.109375" style="354" customWidth="1"/>
    <col min="10244" max="10244" width="6.21875" style="354" customWidth="1"/>
    <col min="10245" max="10245" width="26.44140625" style="354" customWidth="1"/>
    <col min="10246" max="10246" width="10" style="354" customWidth="1"/>
    <col min="10247" max="10247" width="12.88671875" style="354" customWidth="1"/>
    <col min="10248" max="10496" width="9" style="354"/>
    <col min="10497" max="10497" width="1.77734375" style="354" customWidth="1"/>
    <col min="10498" max="10498" width="9" style="354" customWidth="1"/>
    <col min="10499" max="10499" width="16.109375" style="354" customWidth="1"/>
    <col min="10500" max="10500" width="6.21875" style="354" customWidth="1"/>
    <col min="10501" max="10501" width="26.44140625" style="354" customWidth="1"/>
    <col min="10502" max="10502" width="10" style="354" customWidth="1"/>
    <col min="10503" max="10503" width="12.88671875" style="354" customWidth="1"/>
    <col min="10504" max="10752" width="9" style="354"/>
    <col min="10753" max="10753" width="1.77734375" style="354" customWidth="1"/>
    <col min="10754" max="10754" width="9" style="354" customWidth="1"/>
    <col min="10755" max="10755" width="16.109375" style="354" customWidth="1"/>
    <col min="10756" max="10756" width="6.21875" style="354" customWidth="1"/>
    <col min="10757" max="10757" width="26.44140625" style="354" customWidth="1"/>
    <col min="10758" max="10758" width="10" style="354" customWidth="1"/>
    <col min="10759" max="10759" width="12.88671875" style="354" customWidth="1"/>
    <col min="10760" max="11008" width="9" style="354"/>
    <col min="11009" max="11009" width="1.77734375" style="354" customWidth="1"/>
    <col min="11010" max="11010" width="9" style="354" customWidth="1"/>
    <col min="11011" max="11011" width="16.109375" style="354" customWidth="1"/>
    <col min="11012" max="11012" width="6.21875" style="354" customWidth="1"/>
    <col min="11013" max="11013" width="26.44140625" style="354" customWidth="1"/>
    <col min="11014" max="11014" width="10" style="354" customWidth="1"/>
    <col min="11015" max="11015" width="12.88671875" style="354" customWidth="1"/>
    <col min="11016" max="11264" width="9" style="354"/>
    <col min="11265" max="11265" width="1.77734375" style="354" customWidth="1"/>
    <col min="11266" max="11266" width="9" style="354" customWidth="1"/>
    <col min="11267" max="11267" width="16.109375" style="354" customWidth="1"/>
    <col min="11268" max="11268" width="6.21875" style="354" customWidth="1"/>
    <col min="11269" max="11269" width="26.44140625" style="354" customWidth="1"/>
    <col min="11270" max="11270" width="10" style="354" customWidth="1"/>
    <col min="11271" max="11271" width="12.88671875" style="354" customWidth="1"/>
    <col min="11272" max="11520" width="9" style="354"/>
    <col min="11521" max="11521" width="1.77734375" style="354" customWidth="1"/>
    <col min="11522" max="11522" width="9" style="354" customWidth="1"/>
    <col min="11523" max="11523" width="16.109375" style="354" customWidth="1"/>
    <col min="11524" max="11524" width="6.21875" style="354" customWidth="1"/>
    <col min="11525" max="11525" width="26.44140625" style="354" customWidth="1"/>
    <col min="11526" max="11526" width="10" style="354" customWidth="1"/>
    <col min="11527" max="11527" width="12.88671875" style="354" customWidth="1"/>
    <col min="11528" max="11776" width="9" style="354"/>
    <col min="11777" max="11777" width="1.77734375" style="354" customWidth="1"/>
    <col min="11778" max="11778" width="9" style="354" customWidth="1"/>
    <col min="11779" max="11779" width="16.109375" style="354" customWidth="1"/>
    <col min="11780" max="11780" width="6.21875" style="354" customWidth="1"/>
    <col min="11781" max="11781" width="26.44140625" style="354" customWidth="1"/>
    <col min="11782" max="11782" width="10" style="354" customWidth="1"/>
    <col min="11783" max="11783" width="12.88671875" style="354" customWidth="1"/>
    <col min="11784" max="12032" width="9" style="354"/>
    <col min="12033" max="12033" width="1.77734375" style="354" customWidth="1"/>
    <col min="12034" max="12034" width="9" style="354" customWidth="1"/>
    <col min="12035" max="12035" width="16.109375" style="354" customWidth="1"/>
    <col min="12036" max="12036" width="6.21875" style="354" customWidth="1"/>
    <col min="12037" max="12037" width="26.44140625" style="354" customWidth="1"/>
    <col min="12038" max="12038" width="10" style="354" customWidth="1"/>
    <col min="12039" max="12039" width="12.88671875" style="354" customWidth="1"/>
    <col min="12040" max="12288" width="9" style="354"/>
    <col min="12289" max="12289" width="1.77734375" style="354" customWidth="1"/>
    <col min="12290" max="12290" width="9" style="354" customWidth="1"/>
    <col min="12291" max="12291" width="16.109375" style="354" customWidth="1"/>
    <col min="12292" max="12292" width="6.21875" style="354" customWidth="1"/>
    <col min="12293" max="12293" width="26.44140625" style="354" customWidth="1"/>
    <col min="12294" max="12294" width="10" style="354" customWidth="1"/>
    <col min="12295" max="12295" width="12.88671875" style="354" customWidth="1"/>
    <col min="12296" max="12544" width="9" style="354"/>
    <col min="12545" max="12545" width="1.77734375" style="354" customWidth="1"/>
    <col min="12546" max="12546" width="9" style="354" customWidth="1"/>
    <col min="12547" max="12547" width="16.109375" style="354" customWidth="1"/>
    <col min="12548" max="12548" width="6.21875" style="354" customWidth="1"/>
    <col min="12549" max="12549" width="26.44140625" style="354" customWidth="1"/>
    <col min="12550" max="12550" width="10" style="354" customWidth="1"/>
    <col min="12551" max="12551" width="12.88671875" style="354" customWidth="1"/>
    <col min="12552" max="12800" width="9" style="354"/>
    <col min="12801" max="12801" width="1.77734375" style="354" customWidth="1"/>
    <col min="12802" max="12802" width="9" style="354" customWidth="1"/>
    <col min="12803" max="12803" width="16.109375" style="354" customWidth="1"/>
    <col min="12804" max="12804" width="6.21875" style="354" customWidth="1"/>
    <col min="12805" max="12805" width="26.44140625" style="354" customWidth="1"/>
    <col min="12806" max="12806" width="10" style="354" customWidth="1"/>
    <col min="12807" max="12807" width="12.88671875" style="354" customWidth="1"/>
    <col min="12808" max="13056" width="9" style="354"/>
    <col min="13057" max="13057" width="1.77734375" style="354" customWidth="1"/>
    <col min="13058" max="13058" width="9" style="354" customWidth="1"/>
    <col min="13059" max="13059" width="16.109375" style="354" customWidth="1"/>
    <col min="13060" max="13060" width="6.21875" style="354" customWidth="1"/>
    <col min="13061" max="13061" width="26.44140625" style="354" customWidth="1"/>
    <col min="13062" max="13062" width="10" style="354" customWidth="1"/>
    <col min="13063" max="13063" width="12.88671875" style="354" customWidth="1"/>
    <col min="13064" max="13312" width="9" style="354"/>
    <col min="13313" max="13313" width="1.77734375" style="354" customWidth="1"/>
    <col min="13314" max="13314" width="9" style="354" customWidth="1"/>
    <col min="13315" max="13315" width="16.109375" style="354" customWidth="1"/>
    <col min="13316" max="13316" width="6.21875" style="354" customWidth="1"/>
    <col min="13317" max="13317" width="26.44140625" style="354" customWidth="1"/>
    <col min="13318" max="13318" width="10" style="354" customWidth="1"/>
    <col min="13319" max="13319" width="12.88671875" style="354" customWidth="1"/>
    <col min="13320" max="13568" width="9" style="354"/>
    <col min="13569" max="13569" width="1.77734375" style="354" customWidth="1"/>
    <col min="13570" max="13570" width="9" style="354" customWidth="1"/>
    <col min="13571" max="13571" width="16.109375" style="354" customWidth="1"/>
    <col min="13572" max="13572" width="6.21875" style="354" customWidth="1"/>
    <col min="13573" max="13573" width="26.44140625" style="354" customWidth="1"/>
    <col min="13574" max="13574" width="10" style="354" customWidth="1"/>
    <col min="13575" max="13575" width="12.88671875" style="354" customWidth="1"/>
    <col min="13576" max="13824" width="9" style="354"/>
    <col min="13825" max="13825" width="1.77734375" style="354" customWidth="1"/>
    <col min="13826" max="13826" width="9" style="354" customWidth="1"/>
    <col min="13827" max="13827" width="16.109375" style="354" customWidth="1"/>
    <col min="13828" max="13828" width="6.21875" style="354" customWidth="1"/>
    <col min="13829" max="13829" width="26.44140625" style="354" customWidth="1"/>
    <col min="13830" max="13830" width="10" style="354" customWidth="1"/>
    <col min="13831" max="13831" width="12.88671875" style="354" customWidth="1"/>
    <col min="13832" max="14080" width="9" style="354"/>
    <col min="14081" max="14081" width="1.77734375" style="354" customWidth="1"/>
    <col min="14082" max="14082" width="9" style="354" customWidth="1"/>
    <col min="14083" max="14083" width="16.109375" style="354" customWidth="1"/>
    <col min="14084" max="14084" width="6.21875" style="354" customWidth="1"/>
    <col min="14085" max="14085" width="26.44140625" style="354" customWidth="1"/>
    <col min="14086" max="14086" width="10" style="354" customWidth="1"/>
    <col min="14087" max="14087" width="12.88671875" style="354" customWidth="1"/>
    <col min="14088" max="14336" width="9" style="354"/>
    <col min="14337" max="14337" width="1.77734375" style="354" customWidth="1"/>
    <col min="14338" max="14338" width="9" style="354" customWidth="1"/>
    <col min="14339" max="14339" width="16.109375" style="354" customWidth="1"/>
    <col min="14340" max="14340" width="6.21875" style="354" customWidth="1"/>
    <col min="14341" max="14341" width="26.44140625" style="354" customWidth="1"/>
    <col min="14342" max="14342" width="10" style="354" customWidth="1"/>
    <col min="14343" max="14343" width="12.88671875" style="354" customWidth="1"/>
    <col min="14344" max="14592" width="9" style="354"/>
    <col min="14593" max="14593" width="1.77734375" style="354" customWidth="1"/>
    <col min="14594" max="14594" width="9" style="354" customWidth="1"/>
    <col min="14595" max="14595" width="16.109375" style="354" customWidth="1"/>
    <col min="14596" max="14596" width="6.21875" style="354" customWidth="1"/>
    <col min="14597" max="14597" width="26.44140625" style="354" customWidth="1"/>
    <col min="14598" max="14598" width="10" style="354" customWidth="1"/>
    <col min="14599" max="14599" width="12.88671875" style="354" customWidth="1"/>
    <col min="14600" max="14848" width="9" style="354"/>
    <col min="14849" max="14849" width="1.77734375" style="354" customWidth="1"/>
    <col min="14850" max="14850" width="9" style="354" customWidth="1"/>
    <col min="14851" max="14851" width="16.109375" style="354" customWidth="1"/>
    <col min="14852" max="14852" width="6.21875" style="354" customWidth="1"/>
    <col min="14853" max="14853" width="26.44140625" style="354" customWidth="1"/>
    <col min="14854" max="14854" width="10" style="354" customWidth="1"/>
    <col min="14855" max="14855" width="12.88671875" style="354" customWidth="1"/>
    <col min="14856" max="15104" width="9" style="354"/>
    <col min="15105" max="15105" width="1.77734375" style="354" customWidth="1"/>
    <col min="15106" max="15106" width="9" style="354" customWidth="1"/>
    <col min="15107" max="15107" width="16.109375" style="354" customWidth="1"/>
    <col min="15108" max="15108" width="6.21875" style="354" customWidth="1"/>
    <col min="15109" max="15109" width="26.44140625" style="354" customWidth="1"/>
    <col min="15110" max="15110" width="10" style="354" customWidth="1"/>
    <col min="15111" max="15111" width="12.88671875" style="354" customWidth="1"/>
    <col min="15112" max="15360" width="9" style="354"/>
    <col min="15361" max="15361" width="1.77734375" style="354" customWidth="1"/>
    <col min="15362" max="15362" width="9" style="354" customWidth="1"/>
    <col min="15363" max="15363" width="16.109375" style="354" customWidth="1"/>
    <col min="15364" max="15364" width="6.21875" style="354" customWidth="1"/>
    <col min="15365" max="15365" width="26.44140625" style="354" customWidth="1"/>
    <col min="15366" max="15366" width="10" style="354" customWidth="1"/>
    <col min="15367" max="15367" width="12.88671875" style="354" customWidth="1"/>
    <col min="15368" max="15616" width="9" style="354"/>
    <col min="15617" max="15617" width="1.77734375" style="354" customWidth="1"/>
    <col min="15618" max="15618" width="9" style="354" customWidth="1"/>
    <col min="15619" max="15619" width="16.109375" style="354" customWidth="1"/>
    <col min="15620" max="15620" width="6.21875" style="354" customWidth="1"/>
    <col min="15621" max="15621" width="26.44140625" style="354" customWidth="1"/>
    <col min="15622" max="15622" width="10" style="354" customWidth="1"/>
    <col min="15623" max="15623" width="12.88671875" style="354" customWidth="1"/>
    <col min="15624" max="15872" width="9" style="354"/>
    <col min="15873" max="15873" width="1.77734375" style="354" customWidth="1"/>
    <col min="15874" max="15874" width="9" style="354" customWidth="1"/>
    <col min="15875" max="15875" width="16.109375" style="354" customWidth="1"/>
    <col min="15876" max="15876" width="6.21875" style="354" customWidth="1"/>
    <col min="15877" max="15877" width="26.44140625" style="354" customWidth="1"/>
    <col min="15878" max="15878" width="10" style="354" customWidth="1"/>
    <col min="15879" max="15879" width="12.88671875" style="354" customWidth="1"/>
    <col min="15880" max="16128" width="9" style="354"/>
    <col min="16129" max="16129" width="1.77734375" style="354" customWidth="1"/>
    <col min="16130" max="16130" width="9" style="354" customWidth="1"/>
    <col min="16131" max="16131" width="16.109375" style="354" customWidth="1"/>
    <col min="16132" max="16132" width="6.21875" style="354" customWidth="1"/>
    <col min="16133" max="16133" width="26.44140625" style="354" customWidth="1"/>
    <col min="16134" max="16134" width="10" style="354" customWidth="1"/>
    <col min="16135" max="16135" width="12.88671875" style="354" customWidth="1"/>
    <col min="16136" max="16384" width="9" style="354"/>
  </cols>
  <sheetData>
    <row r="1" spans="1:7" ht="18.75" customHeight="1"/>
    <row r="2" spans="1:7" ht="12.6" thickBot="1">
      <c r="A2" s="353"/>
      <c r="B2" s="77" t="s">
        <v>505</v>
      </c>
      <c r="C2" s="77"/>
      <c r="D2" s="77"/>
      <c r="E2" s="77"/>
      <c r="F2" s="77"/>
      <c r="G2" s="77"/>
    </row>
    <row r="3" spans="1:7" ht="27" customHeight="1">
      <c r="B3" s="61" t="s">
        <v>506</v>
      </c>
      <c r="C3" s="364"/>
      <c r="D3" s="902" t="s">
        <v>507</v>
      </c>
      <c r="E3" s="903"/>
      <c r="F3" s="903"/>
      <c r="G3" s="904"/>
    </row>
    <row r="4" spans="1:7" ht="29.25" customHeight="1">
      <c r="B4" s="1621" t="s">
        <v>508</v>
      </c>
      <c r="C4" s="1622"/>
      <c r="D4" s="365" t="s">
        <v>509</v>
      </c>
      <c r="E4" s="103"/>
      <c r="F4" s="103"/>
      <c r="G4" s="106"/>
    </row>
    <row r="5" spans="1:7" ht="12">
      <c r="B5" s="1623" t="s">
        <v>510</v>
      </c>
      <c r="C5" s="1624"/>
      <c r="D5" s="78"/>
      <c r="E5" s="78"/>
      <c r="F5" s="78"/>
      <c r="G5" s="125"/>
    </row>
    <row r="6" spans="1:7" ht="12">
      <c r="B6" s="1625"/>
      <c r="C6" s="1626"/>
      <c r="D6" s="81"/>
      <c r="E6" s="81"/>
      <c r="F6" s="81"/>
      <c r="G6" s="101"/>
    </row>
    <row r="7" spans="1:7" ht="12">
      <c r="B7" s="102"/>
      <c r="C7" s="115"/>
      <c r="D7" s="103" t="s">
        <v>509</v>
      </c>
      <c r="E7" s="103"/>
      <c r="F7" s="103"/>
      <c r="G7" s="106"/>
    </row>
    <row r="8" spans="1:7" ht="12">
      <c r="B8" s="366"/>
      <c r="C8" s="100"/>
      <c r="D8" s="78"/>
      <c r="E8" s="78"/>
      <c r="F8" s="78"/>
      <c r="G8" s="125"/>
    </row>
    <row r="9" spans="1:7" ht="12">
      <c r="B9" s="118" t="s">
        <v>511</v>
      </c>
      <c r="C9" s="100"/>
      <c r="D9" s="78"/>
      <c r="E9" s="78"/>
      <c r="F9" s="78"/>
      <c r="G9" s="125"/>
    </row>
    <row r="10" spans="1:7" ht="12">
      <c r="B10" s="118"/>
      <c r="C10" s="100"/>
      <c r="D10" s="78"/>
      <c r="E10" s="78"/>
      <c r="F10" s="78"/>
      <c r="G10" s="125"/>
    </row>
    <row r="11" spans="1:7" ht="12.6" thickBot="1">
      <c r="B11" s="108"/>
      <c r="C11" s="112"/>
      <c r="D11" s="109"/>
      <c r="E11" s="109"/>
      <c r="F11" s="109"/>
      <c r="G11" s="113"/>
    </row>
    <row r="12" spans="1:7" ht="12">
      <c r="B12" s="77"/>
      <c r="C12" s="77"/>
      <c r="D12" s="77"/>
      <c r="E12" s="77"/>
      <c r="F12" s="77"/>
      <c r="G12" s="77"/>
    </row>
    <row r="13" spans="1:7" ht="12.6" thickBot="1">
      <c r="A13" s="353"/>
      <c r="B13" s="77" t="s">
        <v>512</v>
      </c>
      <c r="C13" s="77"/>
      <c r="D13" s="77"/>
      <c r="E13" s="77"/>
      <c r="F13" s="77"/>
      <c r="G13" s="77"/>
    </row>
    <row r="14" spans="1:7" ht="17.25" customHeight="1">
      <c r="B14" s="1627" t="s">
        <v>513</v>
      </c>
      <c r="C14" s="1628"/>
      <c r="D14" s="1629"/>
      <c r="E14" s="1629"/>
      <c r="F14" s="1629"/>
      <c r="G14" s="1630"/>
    </row>
    <row r="15" spans="1:7" ht="40.5" customHeight="1">
      <c r="B15" s="1631"/>
      <c r="C15" s="1632"/>
      <c r="D15" s="1632"/>
      <c r="E15" s="1632"/>
      <c r="F15" s="1632"/>
      <c r="G15" s="1229"/>
    </row>
    <row r="16" spans="1:7" ht="40.5" customHeight="1">
      <c r="B16" s="1631"/>
      <c r="C16" s="1632"/>
      <c r="D16" s="1632"/>
      <c r="E16" s="1632"/>
      <c r="F16" s="1632"/>
      <c r="G16" s="1229"/>
    </row>
    <row r="17" spans="2:7" ht="40.5" customHeight="1">
      <c r="B17" s="1631"/>
      <c r="C17" s="1632"/>
      <c r="D17" s="1632"/>
      <c r="E17" s="1632"/>
      <c r="F17" s="1632"/>
      <c r="G17" s="1229"/>
    </row>
    <row r="18" spans="2:7" ht="40.5" customHeight="1">
      <c r="B18" s="1631"/>
      <c r="C18" s="1632"/>
      <c r="D18" s="1632"/>
      <c r="E18" s="1632"/>
      <c r="F18" s="1632"/>
      <c r="G18" s="1229"/>
    </row>
    <row r="19" spans="2:7" ht="40.5" customHeight="1">
      <c r="B19" s="1631"/>
      <c r="C19" s="1632"/>
      <c r="D19" s="1632"/>
      <c r="E19" s="1632"/>
      <c r="F19" s="1632"/>
      <c r="G19" s="1229"/>
    </row>
    <row r="20" spans="2:7" ht="40.5" customHeight="1">
      <c r="B20" s="1631"/>
      <c r="C20" s="1632"/>
      <c r="D20" s="1632"/>
      <c r="E20" s="1632"/>
      <c r="F20" s="1632"/>
      <c r="G20" s="1229"/>
    </row>
    <row r="21" spans="2:7" ht="40.5" customHeight="1">
      <c r="B21" s="1631"/>
      <c r="C21" s="1632"/>
      <c r="D21" s="1632"/>
      <c r="E21" s="1632"/>
      <c r="F21" s="1632"/>
      <c r="G21" s="1229"/>
    </row>
    <row r="22" spans="2:7" ht="40.5" customHeight="1">
      <c r="B22" s="1631"/>
      <c r="C22" s="1632"/>
      <c r="D22" s="1632"/>
      <c r="E22" s="1632"/>
      <c r="F22" s="1632"/>
      <c r="G22" s="1229"/>
    </row>
    <row r="23" spans="2:7" ht="40.5" customHeight="1">
      <c r="B23" s="1631"/>
      <c r="C23" s="1632"/>
      <c r="D23" s="1632"/>
      <c r="E23" s="1632"/>
      <c r="F23" s="1632"/>
      <c r="G23" s="1229"/>
    </row>
    <row r="24" spans="2:7" ht="19.5" customHeight="1">
      <c r="B24" s="1631"/>
      <c r="C24" s="1632"/>
      <c r="D24" s="1632"/>
      <c r="E24" s="1632"/>
      <c r="F24" s="1632"/>
      <c r="G24" s="1229"/>
    </row>
    <row r="25" spans="2:7" ht="20.25" customHeight="1">
      <c r="B25" s="1631"/>
      <c r="C25" s="1632"/>
      <c r="D25" s="1632"/>
      <c r="E25" s="1632"/>
      <c r="F25" s="1632"/>
      <c r="G25" s="1229"/>
    </row>
    <row r="26" spans="2:7" ht="39.9" customHeight="1" thickBot="1">
      <c r="B26" s="1633"/>
      <c r="C26" s="1634"/>
      <c r="D26" s="1634"/>
      <c r="E26" s="1634"/>
      <c r="F26" s="1634"/>
      <c r="G26" s="1635"/>
    </row>
    <row r="27" spans="2:7" ht="16.5" customHeight="1">
      <c r="B27" s="1636"/>
      <c r="C27" s="1637"/>
      <c r="D27" s="1637"/>
      <c r="E27" s="1637"/>
      <c r="F27" s="1637"/>
      <c r="G27" s="1637"/>
    </row>
    <row r="28" spans="2:7">
      <c r="B28" s="367"/>
      <c r="C28" s="368"/>
      <c r="D28" s="368"/>
      <c r="E28" s="368"/>
      <c r="F28" s="368"/>
      <c r="G28" s="368"/>
    </row>
  </sheetData>
  <mergeCells count="5">
    <mergeCell ref="D3:G3"/>
    <mergeCell ref="B4:C4"/>
    <mergeCell ref="B5:C6"/>
    <mergeCell ref="B14:G26"/>
    <mergeCell ref="B27:G27"/>
  </mergeCells>
  <phoneticPr fontId="3"/>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dimension ref="B1:L43"/>
  <sheetViews>
    <sheetView view="pageBreakPreview" zoomScaleNormal="100" zoomScaleSheetLayoutView="100" workbookViewId="0">
      <selection activeCell="J30" sqref="J30"/>
    </sheetView>
  </sheetViews>
  <sheetFormatPr defaultRowHeight="14.4"/>
  <cols>
    <col min="1" max="1" width="1" style="369" customWidth="1"/>
    <col min="2" max="2" width="10.33203125" style="369" customWidth="1"/>
    <col min="3" max="3" width="12.77734375" style="369" customWidth="1"/>
    <col min="4" max="4" width="9.6640625" style="369" customWidth="1"/>
    <col min="5" max="5" width="11.109375" style="369" customWidth="1"/>
    <col min="6" max="6" width="11.88671875" style="369" customWidth="1"/>
    <col min="7" max="7" width="5.88671875" style="369" customWidth="1"/>
    <col min="8" max="8" width="4.6640625" style="369" customWidth="1"/>
    <col min="9" max="12" width="4.88671875" style="369" customWidth="1"/>
    <col min="13" max="256" width="9" style="369"/>
    <col min="257" max="257" width="1" style="369" customWidth="1"/>
    <col min="258" max="258" width="10.33203125" style="369" customWidth="1"/>
    <col min="259" max="259" width="12.77734375" style="369" customWidth="1"/>
    <col min="260" max="260" width="9.6640625" style="369" customWidth="1"/>
    <col min="261" max="261" width="11.109375" style="369" customWidth="1"/>
    <col min="262" max="262" width="11.88671875" style="369" customWidth="1"/>
    <col min="263" max="263" width="5.88671875" style="369" customWidth="1"/>
    <col min="264" max="264" width="4.6640625" style="369" customWidth="1"/>
    <col min="265" max="268" width="4.88671875" style="369" customWidth="1"/>
    <col min="269" max="512" width="9" style="369"/>
    <col min="513" max="513" width="1" style="369" customWidth="1"/>
    <col min="514" max="514" width="10.33203125" style="369" customWidth="1"/>
    <col min="515" max="515" width="12.77734375" style="369" customWidth="1"/>
    <col min="516" max="516" width="9.6640625" style="369" customWidth="1"/>
    <col min="517" max="517" width="11.109375" style="369" customWidth="1"/>
    <col min="518" max="518" width="11.88671875" style="369" customWidth="1"/>
    <col min="519" max="519" width="5.88671875" style="369" customWidth="1"/>
    <col min="520" max="520" width="4.6640625" style="369" customWidth="1"/>
    <col min="521" max="524" width="4.88671875" style="369" customWidth="1"/>
    <col min="525" max="768" width="9" style="369"/>
    <col min="769" max="769" width="1" style="369" customWidth="1"/>
    <col min="770" max="770" width="10.33203125" style="369" customWidth="1"/>
    <col min="771" max="771" width="12.77734375" style="369" customWidth="1"/>
    <col min="772" max="772" width="9.6640625" style="369" customWidth="1"/>
    <col min="773" max="773" width="11.109375" style="369" customWidth="1"/>
    <col min="774" max="774" width="11.88671875" style="369" customWidth="1"/>
    <col min="775" max="775" width="5.88671875" style="369" customWidth="1"/>
    <col min="776" max="776" width="4.6640625" style="369" customWidth="1"/>
    <col min="777" max="780" width="4.88671875" style="369" customWidth="1"/>
    <col min="781" max="1024" width="9" style="369"/>
    <col min="1025" max="1025" width="1" style="369" customWidth="1"/>
    <col min="1026" max="1026" width="10.33203125" style="369" customWidth="1"/>
    <col min="1027" max="1027" width="12.77734375" style="369" customWidth="1"/>
    <col min="1028" max="1028" width="9.6640625" style="369" customWidth="1"/>
    <col min="1029" max="1029" width="11.109375" style="369" customWidth="1"/>
    <col min="1030" max="1030" width="11.88671875" style="369" customWidth="1"/>
    <col min="1031" max="1031" width="5.88671875" style="369" customWidth="1"/>
    <col min="1032" max="1032" width="4.6640625" style="369" customWidth="1"/>
    <col min="1033" max="1036" width="4.88671875" style="369" customWidth="1"/>
    <col min="1037" max="1280" width="9" style="369"/>
    <col min="1281" max="1281" width="1" style="369" customWidth="1"/>
    <col min="1282" max="1282" width="10.33203125" style="369" customWidth="1"/>
    <col min="1283" max="1283" width="12.77734375" style="369" customWidth="1"/>
    <col min="1284" max="1284" width="9.6640625" style="369" customWidth="1"/>
    <col min="1285" max="1285" width="11.109375" style="369" customWidth="1"/>
    <col min="1286" max="1286" width="11.88671875" style="369" customWidth="1"/>
    <col min="1287" max="1287" width="5.88671875" style="369" customWidth="1"/>
    <col min="1288" max="1288" width="4.6640625" style="369" customWidth="1"/>
    <col min="1289" max="1292" width="4.88671875" style="369" customWidth="1"/>
    <col min="1293" max="1536" width="9" style="369"/>
    <col min="1537" max="1537" width="1" style="369" customWidth="1"/>
    <col min="1538" max="1538" width="10.33203125" style="369" customWidth="1"/>
    <col min="1539" max="1539" width="12.77734375" style="369" customWidth="1"/>
    <col min="1540" max="1540" width="9.6640625" style="369" customWidth="1"/>
    <col min="1541" max="1541" width="11.109375" style="369" customWidth="1"/>
    <col min="1542" max="1542" width="11.88671875" style="369" customWidth="1"/>
    <col min="1543" max="1543" width="5.88671875" style="369" customWidth="1"/>
    <col min="1544" max="1544" width="4.6640625" style="369" customWidth="1"/>
    <col min="1545" max="1548" width="4.88671875" style="369" customWidth="1"/>
    <col min="1549" max="1792" width="9" style="369"/>
    <col min="1793" max="1793" width="1" style="369" customWidth="1"/>
    <col min="1794" max="1794" width="10.33203125" style="369" customWidth="1"/>
    <col min="1795" max="1795" width="12.77734375" style="369" customWidth="1"/>
    <col min="1796" max="1796" width="9.6640625" style="369" customWidth="1"/>
    <col min="1797" max="1797" width="11.109375" style="369" customWidth="1"/>
    <col min="1798" max="1798" width="11.88671875" style="369" customWidth="1"/>
    <col min="1799" max="1799" width="5.88671875" style="369" customWidth="1"/>
    <col min="1800" max="1800" width="4.6640625" style="369" customWidth="1"/>
    <col min="1801" max="1804" width="4.88671875" style="369" customWidth="1"/>
    <col min="1805" max="2048" width="9" style="369"/>
    <col min="2049" max="2049" width="1" style="369" customWidth="1"/>
    <col min="2050" max="2050" width="10.33203125" style="369" customWidth="1"/>
    <col min="2051" max="2051" width="12.77734375" style="369" customWidth="1"/>
    <col min="2052" max="2052" width="9.6640625" style="369" customWidth="1"/>
    <col min="2053" max="2053" width="11.109375" style="369" customWidth="1"/>
    <col min="2054" max="2054" width="11.88671875" style="369" customWidth="1"/>
    <col min="2055" max="2055" width="5.88671875" style="369" customWidth="1"/>
    <col min="2056" max="2056" width="4.6640625" style="369" customWidth="1"/>
    <col min="2057" max="2060" width="4.88671875" style="369" customWidth="1"/>
    <col min="2061" max="2304" width="9" style="369"/>
    <col min="2305" max="2305" width="1" style="369" customWidth="1"/>
    <col min="2306" max="2306" width="10.33203125" style="369" customWidth="1"/>
    <col min="2307" max="2307" width="12.77734375" style="369" customWidth="1"/>
    <col min="2308" max="2308" width="9.6640625" style="369" customWidth="1"/>
    <col min="2309" max="2309" width="11.109375" style="369" customWidth="1"/>
    <col min="2310" max="2310" width="11.88671875" style="369" customWidth="1"/>
    <col min="2311" max="2311" width="5.88671875" style="369" customWidth="1"/>
    <col min="2312" max="2312" width="4.6640625" style="369" customWidth="1"/>
    <col min="2313" max="2316" width="4.88671875" style="369" customWidth="1"/>
    <col min="2317" max="2560" width="9" style="369"/>
    <col min="2561" max="2561" width="1" style="369" customWidth="1"/>
    <col min="2562" max="2562" width="10.33203125" style="369" customWidth="1"/>
    <col min="2563" max="2563" width="12.77734375" style="369" customWidth="1"/>
    <col min="2564" max="2564" width="9.6640625" style="369" customWidth="1"/>
    <col min="2565" max="2565" width="11.109375" style="369" customWidth="1"/>
    <col min="2566" max="2566" width="11.88671875" style="369" customWidth="1"/>
    <col min="2567" max="2567" width="5.88671875" style="369" customWidth="1"/>
    <col min="2568" max="2568" width="4.6640625" style="369" customWidth="1"/>
    <col min="2569" max="2572" width="4.88671875" style="369" customWidth="1"/>
    <col min="2573" max="2816" width="9" style="369"/>
    <col min="2817" max="2817" width="1" style="369" customWidth="1"/>
    <col min="2818" max="2818" width="10.33203125" style="369" customWidth="1"/>
    <col min="2819" max="2819" width="12.77734375" style="369" customWidth="1"/>
    <col min="2820" max="2820" width="9.6640625" style="369" customWidth="1"/>
    <col min="2821" max="2821" width="11.109375" style="369" customWidth="1"/>
    <col min="2822" max="2822" width="11.88671875" style="369" customWidth="1"/>
    <col min="2823" max="2823" width="5.88671875" style="369" customWidth="1"/>
    <col min="2824" max="2824" width="4.6640625" style="369" customWidth="1"/>
    <col min="2825" max="2828" width="4.88671875" style="369" customWidth="1"/>
    <col min="2829" max="3072" width="9" style="369"/>
    <col min="3073" max="3073" width="1" style="369" customWidth="1"/>
    <col min="3074" max="3074" width="10.33203125" style="369" customWidth="1"/>
    <col min="3075" max="3075" width="12.77734375" style="369" customWidth="1"/>
    <col min="3076" max="3076" width="9.6640625" style="369" customWidth="1"/>
    <col min="3077" max="3077" width="11.109375" style="369" customWidth="1"/>
    <col min="3078" max="3078" width="11.88671875" style="369" customWidth="1"/>
    <col min="3079" max="3079" width="5.88671875" style="369" customWidth="1"/>
    <col min="3080" max="3080" width="4.6640625" style="369" customWidth="1"/>
    <col min="3081" max="3084" width="4.88671875" style="369" customWidth="1"/>
    <col min="3085" max="3328" width="9" style="369"/>
    <col min="3329" max="3329" width="1" style="369" customWidth="1"/>
    <col min="3330" max="3330" width="10.33203125" style="369" customWidth="1"/>
    <col min="3331" max="3331" width="12.77734375" style="369" customWidth="1"/>
    <col min="3332" max="3332" width="9.6640625" style="369" customWidth="1"/>
    <col min="3333" max="3333" width="11.109375" style="369" customWidth="1"/>
    <col min="3334" max="3334" width="11.88671875" style="369" customWidth="1"/>
    <col min="3335" max="3335" width="5.88671875" style="369" customWidth="1"/>
    <col min="3336" max="3336" width="4.6640625" style="369" customWidth="1"/>
    <col min="3337" max="3340" width="4.88671875" style="369" customWidth="1"/>
    <col min="3341" max="3584" width="9" style="369"/>
    <col min="3585" max="3585" width="1" style="369" customWidth="1"/>
    <col min="3586" max="3586" width="10.33203125" style="369" customWidth="1"/>
    <col min="3587" max="3587" width="12.77734375" style="369" customWidth="1"/>
    <col min="3588" max="3588" width="9.6640625" style="369" customWidth="1"/>
    <col min="3589" max="3589" width="11.109375" style="369" customWidth="1"/>
    <col min="3590" max="3590" width="11.88671875" style="369" customWidth="1"/>
    <col min="3591" max="3591" width="5.88671875" style="369" customWidth="1"/>
    <col min="3592" max="3592" width="4.6640625" style="369" customWidth="1"/>
    <col min="3593" max="3596" width="4.88671875" style="369" customWidth="1"/>
    <col min="3597" max="3840" width="9" style="369"/>
    <col min="3841" max="3841" width="1" style="369" customWidth="1"/>
    <col min="3842" max="3842" width="10.33203125" style="369" customWidth="1"/>
    <col min="3843" max="3843" width="12.77734375" style="369" customWidth="1"/>
    <col min="3844" max="3844" width="9.6640625" style="369" customWidth="1"/>
    <col min="3845" max="3845" width="11.109375" style="369" customWidth="1"/>
    <col min="3846" max="3846" width="11.88671875" style="369" customWidth="1"/>
    <col min="3847" max="3847" width="5.88671875" style="369" customWidth="1"/>
    <col min="3848" max="3848" width="4.6640625" style="369" customWidth="1"/>
    <col min="3849" max="3852" width="4.88671875" style="369" customWidth="1"/>
    <col min="3853" max="4096" width="9" style="369"/>
    <col min="4097" max="4097" width="1" style="369" customWidth="1"/>
    <col min="4098" max="4098" width="10.33203125" style="369" customWidth="1"/>
    <col min="4099" max="4099" width="12.77734375" style="369" customWidth="1"/>
    <col min="4100" max="4100" width="9.6640625" style="369" customWidth="1"/>
    <col min="4101" max="4101" width="11.109375" style="369" customWidth="1"/>
    <col min="4102" max="4102" width="11.88671875" style="369" customWidth="1"/>
    <col min="4103" max="4103" width="5.88671875" style="369" customWidth="1"/>
    <col min="4104" max="4104" width="4.6640625" style="369" customWidth="1"/>
    <col min="4105" max="4108" width="4.88671875" style="369" customWidth="1"/>
    <col min="4109" max="4352" width="9" style="369"/>
    <col min="4353" max="4353" width="1" style="369" customWidth="1"/>
    <col min="4354" max="4354" width="10.33203125" style="369" customWidth="1"/>
    <col min="4355" max="4355" width="12.77734375" style="369" customWidth="1"/>
    <col min="4356" max="4356" width="9.6640625" style="369" customWidth="1"/>
    <col min="4357" max="4357" width="11.109375" style="369" customWidth="1"/>
    <col min="4358" max="4358" width="11.88671875" style="369" customWidth="1"/>
    <col min="4359" max="4359" width="5.88671875" style="369" customWidth="1"/>
    <col min="4360" max="4360" width="4.6640625" style="369" customWidth="1"/>
    <col min="4361" max="4364" width="4.88671875" style="369" customWidth="1"/>
    <col min="4365" max="4608" width="9" style="369"/>
    <col min="4609" max="4609" width="1" style="369" customWidth="1"/>
    <col min="4610" max="4610" width="10.33203125" style="369" customWidth="1"/>
    <col min="4611" max="4611" width="12.77734375" style="369" customWidth="1"/>
    <col min="4612" max="4612" width="9.6640625" style="369" customWidth="1"/>
    <col min="4613" max="4613" width="11.109375" style="369" customWidth="1"/>
    <col min="4614" max="4614" width="11.88671875" style="369" customWidth="1"/>
    <col min="4615" max="4615" width="5.88671875" style="369" customWidth="1"/>
    <col min="4616" max="4616" width="4.6640625" style="369" customWidth="1"/>
    <col min="4617" max="4620" width="4.88671875" style="369" customWidth="1"/>
    <col min="4621" max="4864" width="9" style="369"/>
    <col min="4865" max="4865" width="1" style="369" customWidth="1"/>
    <col min="4866" max="4866" width="10.33203125" style="369" customWidth="1"/>
    <col min="4867" max="4867" width="12.77734375" style="369" customWidth="1"/>
    <col min="4868" max="4868" width="9.6640625" style="369" customWidth="1"/>
    <col min="4869" max="4869" width="11.109375" style="369" customWidth="1"/>
    <col min="4870" max="4870" width="11.88671875" style="369" customWidth="1"/>
    <col min="4871" max="4871" width="5.88671875" style="369" customWidth="1"/>
    <col min="4872" max="4872" width="4.6640625" style="369" customWidth="1"/>
    <col min="4873" max="4876" width="4.88671875" style="369" customWidth="1"/>
    <col min="4877" max="5120" width="9" style="369"/>
    <col min="5121" max="5121" width="1" style="369" customWidth="1"/>
    <col min="5122" max="5122" width="10.33203125" style="369" customWidth="1"/>
    <col min="5123" max="5123" width="12.77734375" style="369" customWidth="1"/>
    <col min="5124" max="5124" width="9.6640625" style="369" customWidth="1"/>
    <col min="5125" max="5125" width="11.109375" style="369" customWidth="1"/>
    <col min="5126" max="5126" width="11.88671875" style="369" customWidth="1"/>
    <col min="5127" max="5127" width="5.88671875" style="369" customWidth="1"/>
    <col min="5128" max="5128" width="4.6640625" style="369" customWidth="1"/>
    <col min="5129" max="5132" width="4.88671875" style="369" customWidth="1"/>
    <col min="5133" max="5376" width="9" style="369"/>
    <col min="5377" max="5377" width="1" style="369" customWidth="1"/>
    <col min="5378" max="5378" width="10.33203125" style="369" customWidth="1"/>
    <col min="5379" max="5379" width="12.77734375" style="369" customWidth="1"/>
    <col min="5380" max="5380" width="9.6640625" style="369" customWidth="1"/>
    <col min="5381" max="5381" width="11.109375" style="369" customWidth="1"/>
    <col min="5382" max="5382" width="11.88671875" style="369" customWidth="1"/>
    <col min="5383" max="5383" width="5.88671875" style="369" customWidth="1"/>
    <col min="5384" max="5384" width="4.6640625" style="369" customWidth="1"/>
    <col min="5385" max="5388" width="4.88671875" style="369" customWidth="1"/>
    <col min="5389" max="5632" width="9" style="369"/>
    <col min="5633" max="5633" width="1" style="369" customWidth="1"/>
    <col min="5634" max="5634" width="10.33203125" style="369" customWidth="1"/>
    <col min="5635" max="5635" width="12.77734375" style="369" customWidth="1"/>
    <col min="5636" max="5636" width="9.6640625" style="369" customWidth="1"/>
    <col min="5637" max="5637" width="11.109375" style="369" customWidth="1"/>
    <col min="5638" max="5638" width="11.88671875" style="369" customWidth="1"/>
    <col min="5639" max="5639" width="5.88671875" style="369" customWidth="1"/>
    <col min="5640" max="5640" width="4.6640625" style="369" customWidth="1"/>
    <col min="5641" max="5644" width="4.88671875" style="369" customWidth="1"/>
    <col min="5645" max="5888" width="9" style="369"/>
    <col min="5889" max="5889" width="1" style="369" customWidth="1"/>
    <col min="5890" max="5890" width="10.33203125" style="369" customWidth="1"/>
    <col min="5891" max="5891" width="12.77734375" style="369" customWidth="1"/>
    <col min="5892" max="5892" width="9.6640625" style="369" customWidth="1"/>
    <col min="5893" max="5893" width="11.109375" style="369" customWidth="1"/>
    <col min="5894" max="5894" width="11.88671875" style="369" customWidth="1"/>
    <col min="5895" max="5895" width="5.88671875" style="369" customWidth="1"/>
    <col min="5896" max="5896" width="4.6640625" style="369" customWidth="1"/>
    <col min="5897" max="5900" width="4.88671875" style="369" customWidth="1"/>
    <col min="5901" max="6144" width="9" style="369"/>
    <col min="6145" max="6145" width="1" style="369" customWidth="1"/>
    <col min="6146" max="6146" width="10.33203125" style="369" customWidth="1"/>
    <col min="6147" max="6147" width="12.77734375" style="369" customWidth="1"/>
    <col min="6148" max="6148" width="9.6640625" style="369" customWidth="1"/>
    <col min="6149" max="6149" width="11.109375" style="369" customWidth="1"/>
    <col min="6150" max="6150" width="11.88671875" style="369" customWidth="1"/>
    <col min="6151" max="6151" width="5.88671875" style="369" customWidth="1"/>
    <col min="6152" max="6152" width="4.6640625" style="369" customWidth="1"/>
    <col min="6153" max="6156" width="4.88671875" style="369" customWidth="1"/>
    <col min="6157" max="6400" width="9" style="369"/>
    <col min="6401" max="6401" width="1" style="369" customWidth="1"/>
    <col min="6402" max="6402" width="10.33203125" style="369" customWidth="1"/>
    <col min="6403" max="6403" width="12.77734375" style="369" customWidth="1"/>
    <col min="6404" max="6404" width="9.6640625" style="369" customWidth="1"/>
    <col min="6405" max="6405" width="11.109375" style="369" customWidth="1"/>
    <col min="6406" max="6406" width="11.88671875" style="369" customWidth="1"/>
    <col min="6407" max="6407" width="5.88671875" style="369" customWidth="1"/>
    <col min="6408" max="6408" width="4.6640625" style="369" customWidth="1"/>
    <col min="6409" max="6412" width="4.88671875" style="369" customWidth="1"/>
    <col min="6413" max="6656" width="9" style="369"/>
    <col min="6657" max="6657" width="1" style="369" customWidth="1"/>
    <col min="6658" max="6658" width="10.33203125" style="369" customWidth="1"/>
    <col min="6659" max="6659" width="12.77734375" style="369" customWidth="1"/>
    <col min="6660" max="6660" width="9.6640625" style="369" customWidth="1"/>
    <col min="6661" max="6661" width="11.109375" style="369" customWidth="1"/>
    <col min="6662" max="6662" width="11.88671875" style="369" customWidth="1"/>
    <col min="6663" max="6663" width="5.88671875" style="369" customWidth="1"/>
    <col min="6664" max="6664" width="4.6640625" style="369" customWidth="1"/>
    <col min="6665" max="6668" width="4.88671875" style="369" customWidth="1"/>
    <col min="6669" max="6912" width="9" style="369"/>
    <col min="6913" max="6913" width="1" style="369" customWidth="1"/>
    <col min="6914" max="6914" width="10.33203125" style="369" customWidth="1"/>
    <col min="6915" max="6915" width="12.77734375" style="369" customWidth="1"/>
    <col min="6916" max="6916" width="9.6640625" style="369" customWidth="1"/>
    <col min="6917" max="6917" width="11.109375" style="369" customWidth="1"/>
    <col min="6918" max="6918" width="11.88671875" style="369" customWidth="1"/>
    <col min="6919" max="6919" width="5.88671875" style="369" customWidth="1"/>
    <col min="6920" max="6920" width="4.6640625" style="369" customWidth="1"/>
    <col min="6921" max="6924" width="4.88671875" style="369" customWidth="1"/>
    <col min="6925" max="7168" width="9" style="369"/>
    <col min="7169" max="7169" width="1" style="369" customWidth="1"/>
    <col min="7170" max="7170" width="10.33203125" style="369" customWidth="1"/>
    <col min="7171" max="7171" width="12.77734375" style="369" customWidth="1"/>
    <col min="7172" max="7172" width="9.6640625" style="369" customWidth="1"/>
    <col min="7173" max="7173" width="11.109375" style="369" customWidth="1"/>
    <col min="7174" max="7174" width="11.88671875" style="369" customWidth="1"/>
    <col min="7175" max="7175" width="5.88671875" style="369" customWidth="1"/>
    <col min="7176" max="7176" width="4.6640625" style="369" customWidth="1"/>
    <col min="7177" max="7180" width="4.88671875" style="369" customWidth="1"/>
    <col min="7181" max="7424" width="9" style="369"/>
    <col min="7425" max="7425" width="1" style="369" customWidth="1"/>
    <col min="7426" max="7426" width="10.33203125" style="369" customWidth="1"/>
    <col min="7427" max="7427" width="12.77734375" style="369" customWidth="1"/>
    <col min="7428" max="7428" width="9.6640625" style="369" customWidth="1"/>
    <col min="7429" max="7429" width="11.109375" style="369" customWidth="1"/>
    <col min="7430" max="7430" width="11.88671875" style="369" customWidth="1"/>
    <col min="7431" max="7431" width="5.88671875" style="369" customWidth="1"/>
    <col min="7432" max="7432" width="4.6640625" style="369" customWidth="1"/>
    <col min="7433" max="7436" width="4.88671875" style="369" customWidth="1"/>
    <col min="7437" max="7680" width="9" style="369"/>
    <col min="7681" max="7681" width="1" style="369" customWidth="1"/>
    <col min="7682" max="7682" width="10.33203125" style="369" customWidth="1"/>
    <col min="7683" max="7683" width="12.77734375" style="369" customWidth="1"/>
    <col min="7684" max="7684" width="9.6640625" style="369" customWidth="1"/>
    <col min="7685" max="7685" width="11.109375" style="369" customWidth="1"/>
    <col min="7686" max="7686" width="11.88671875" style="369" customWidth="1"/>
    <col min="7687" max="7687" width="5.88671875" style="369" customWidth="1"/>
    <col min="7688" max="7688" width="4.6640625" style="369" customWidth="1"/>
    <col min="7689" max="7692" width="4.88671875" style="369" customWidth="1"/>
    <col min="7693" max="7936" width="9" style="369"/>
    <col min="7937" max="7937" width="1" style="369" customWidth="1"/>
    <col min="7938" max="7938" width="10.33203125" style="369" customWidth="1"/>
    <col min="7939" max="7939" width="12.77734375" style="369" customWidth="1"/>
    <col min="7940" max="7940" width="9.6640625" style="369" customWidth="1"/>
    <col min="7941" max="7941" width="11.109375" style="369" customWidth="1"/>
    <col min="7942" max="7942" width="11.88671875" style="369" customWidth="1"/>
    <col min="7943" max="7943" width="5.88671875" style="369" customWidth="1"/>
    <col min="7944" max="7944" width="4.6640625" style="369" customWidth="1"/>
    <col min="7945" max="7948" width="4.88671875" style="369" customWidth="1"/>
    <col min="7949" max="8192" width="9" style="369"/>
    <col min="8193" max="8193" width="1" style="369" customWidth="1"/>
    <col min="8194" max="8194" width="10.33203125" style="369" customWidth="1"/>
    <col min="8195" max="8195" width="12.77734375" style="369" customWidth="1"/>
    <col min="8196" max="8196" width="9.6640625" style="369" customWidth="1"/>
    <col min="8197" max="8197" width="11.109375" style="369" customWidth="1"/>
    <col min="8198" max="8198" width="11.88671875" style="369" customWidth="1"/>
    <col min="8199" max="8199" width="5.88671875" style="369" customWidth="1"/>
    <col min="8200" max="8200" width="4.6640625" style="369" customWidth="1"/>
    <col min="8201" max="8204" width="4.88671875" style="369" customWidth="1"/>
    <col min="8205" max="8448" width="9" style="369"/>
    <col min="8449" max="8449" width="1" style="369" customWidth="1"/>
    <col min="8450" max="8450" width="10.33203125" style="369" customWidth="1"/>
    <col min="8451" max="8451" width="12.77734375" style="369" customWidth="1"/>
    <col min="8452" max="8452" width="9.6640625" style="369" customWidth="1"/>
    <col min="8453" max="8453" width="11.109375" style="369" customWidth="1"/>
    <col min="8454" max="8454" width="11.88671875" style="369" customWidth="1"/>
    <col min="8455" max="8455" width="5.88671875" style="369" customWidth="1"/>
    <col min="8456" max="8456" width="4.6640625" style="369" customWidth="1"/>
    <col min="8457" max="8460" width="4.88671875" style="369" customWidth="1"/>
    <col min="8461" max="8704" width="9" style="369"/>
    <col min="8705" max="8705" width="1" style="369" customWidth="1"/>
    <col min="8706" max="8706" width="10.33203125" style="369" customWidth="1"/>
    <col min="8707" max="8707" width="12.77734375" style="369" customWidth="1"/>
    <col min="8708" max="8708" width="9.6640625" style="369" customWidth="1"/>
    <col min="8709" max="8709" width="11.109375" style="369" customWidth="1"/>
    <col min="8710" max="8710" width="11.88671875" style="369" customWidth="1"/>
    <col min="8711" max="8711" width="5.88671875" style="369" customWidth="1"/>
    <col min="8712" max="8712" width="4.6640625" style="369" customWidth="1"/>
    <col min="8713" max="8716" width="4.88671875" style="369" customWidth="1"/>
    <col min="8717" max="8960" width="9" style="369"/>
    <col min="8961" max="8961" width="1" style="369" customWidth="1"/>
    <col min="8962" max="8962" width="10.33203125" style="369" customWidth="1"/>
    <col min="8963" max="8963" width="12.77734375" style="369" customWidth="1"/>
    <col min="8964" max="8964" width="9.6640625" style="369" customWidth="1"/>
    <col min="8965" max="8965" width="11.109375" style="369" customWidth="1"/>
    <col min="8966" max="8966" width="11.88671875" style="369" customWidth="1"/>
    <col min="8967" max="8967" width="5.88671875" style="369" customWidth="1"/>
    <col min="8968" max="8968" width="4.6640625" style="369" customWidth="1"/>
    <col min="8969" max="8972" width="4.88671875" style="369" customWidth="1"/>
    <col min="8973" max="9216" width="9" style="369"/>
    <col min="9217" max="9217" width="1" style="369" customWidth="1"/>
    <col min="9218" max="9218" width="10.33203125" style="369" customWidth="1"/>
    <col min="9219" max="9219" width="12.77734375" style="369" customWidth="1"/>
    <col min="9220" max="9220" width="9.6640625" style="369" customWidth="1"/>
    <col min="9221" max="9221" width="11.109375" style="369" customWidth="1"/>
    <col min="9222" max="9222" width="11.88671875" style="369" customWidth="1"/>
    <col min="9223" max="9223" width="5.88671875" style="369" customWidth="1"/>
    <col min="9224" max="9224" width="4.6640625" style="369" customWidth="1"/>
    <col min="9225" max="9228" width="4.88671875" style="369" customWidth="1"/>
    <col min="9229" max="9472" width="9" style="369"/>
    <col min="9473" max="9473" width="1" style="369" customWidth="1"/>
    <col min="9474" max="9474" width="10.33203125" style="369" customWidth="1"/>
    <col min="9475" max="9475" width="12.77734375" style="369" customWidth="1"/>
    <col min="9476" max="9476" width="9.6640625" style="369" customWidth="1"/>
    <col min="9477" max="9477" width="11.109375" style="369" customWidth="1"/>
    <col min="9478" max="9478" width="11.88671875" style="369" customWidth="1"/>
    <col min="9479" max="9479" width="5.88671875" style="369" customWidth="1"/>
    <col min="9480" max="9480" width="4.6640625" style="369" customWidth="1"/>
    <col min="9481" max="9484" width="4.88671875" style="369" customWidth="1"/>
    <col min="9485" max="9728" width="9" style="369"/>
    <col min="9729" max="9729" width="1" style="369" customWidth="1"/>
    <col min="9730" max="9730" width="10.33203125" style="369" customWidth="1"/>
    <col min="9731" max="9731" width="12.77734375" style="369" customWidth="1"/>
    <col min="9732" max="9732" width="9.6640625" style="369" customWidth="1"/>
    <col min="9733" max="9733" width="11.109375" style="369" customWidth="1"/>
    <col min="9734" max="9734" width="11.88671875" style="369" customWidth="1"/>
    <col min="9735" max="9735" width="5.88671875" style="369" customWidth="1"/>
    <col min="9736" max="9736" width="4.6640625" style="369" customWidth="1"/>
    <col min="9737" max="9740" width="4.88671875" style="369" customWidth="1"/>
    <col min="9741" max="9984" width="9" style="369"/>
    <col min="9985" max="9985" width="1" style="369" customWidth="1"/>
    <col min="9986" max="9986" width="10.33203125" style="369" customWidth="1"/>
    <col min="9987" max="9987" width="12.77734375" style="369" customWidth="1"/>
    <col min="9988" max="9988" width="9.6640625" style="369" customWidth="1"/>
    <col min="9989" max="9989" width="11.109375" style="369" customWidth="1"/>
    <col min="9990" max="9990" width="11.88671875" style="369" customWidth="1"/>
    <col min="9991" max="9991" width="5.88671875" style="369" customWidth="1"/>
    <col min="9992" max="9992" width="4.6640625" style="369" customWidth="1"/>
    <col min="9993" max="9996" width="4.88671875" style="369" customWidth="1"/>
    <col min="9997" max="10240" width="9" style="369"/>
    <col min="10241" max="10241" width="1" style="369" customWidth="1"/>
    <col min="10242" max="10242" width="10.33203125" style="369" customWidth="1"/>
    <col min="10243" max="10243" width="12.77734375" style="369" customWidth="1"/>
    <col min="10244" max="10244" width="9.6640625" style="369" customWidth="1"/>
    <col min="10245" max="10245" width="11.109375" style="369" customWidth="1"/>
    <col min="10246" max="10246" width="11.88671875" style="369" customWidth="1"/>
    <col min="10247" max="10247" width="5.88671875" style="369" customWidth="1"/>
    <col min="10248" max="10248" width="4.6640625" style="369" customWidth="1"/>
    <col min="10249" max="10252" width="4.88671875" style="369" customWidth="1"/>
    <col min="10253" max="10496" width="9" style="369"/>
    <col min="10497" max="10497" width="1" style="369" customWidth="1"/>
    <col min="10498" max="10498" width="10.33203125" style="369" customWidth="1"/>
    <col min="10499" max="10499" width="12.77734375" style="369" customWidth="1"/>
    <col min="10500" max="10500" width="9.6640625" style="369" customWidth="1"/>
    <col min="10501" max="10501" width="11.109375" style="369" customWidth="1"/>
    <col min="10502" max="10502" width="11.88671875" style="369" customWidth="1"/>
    <col min="10503" max="10503" width="5.88671875" style="369" customWidth="1"/>
    <col min="10504" max="10504" width="4.6640625" style="369" customWidth="1"/>
    <col min="10505" max="10508" width="4.88671875" style="369" customWidth="1"/>
    <col min="10509" max="10752" width="9" style="369"/>
    <col min="10753" max="10753" width="1" style="369" customWidth="1"/>
    <col min="10754" max="10754" width="10.33203125" style="369" customWidth="1"/>
    <col min="10755" max="10755" width="12.77734375" style="369" customWidth="1"/>
    <col min="10756" max="10756" width="9.6640625" style="369" customWidth="1"/>
    <col min="10757" max="10757" width="11.109375" style="369" customWidth="1"/>
    <col min="10758" max="10758" width="11.88671875" style="369" customWidth="1"/>
    <col min="10759" max="10759" width="5.88671875" style="369" customWidth="1"/>
    <col min="10760" max="10760" width="4.6640625" style="369" customWidth="1"/>
    <col min="10761" max="10764" width="4.88671875" style="369" customWidth="1"/>
    <col min="10765" max="11008" width="9" style="369"/>
    <col min="11009" max="11009" width="1" style="369" customWidth="1"/>
    <col min="11010" max="11010" width="10.33203125" style="369" customWidth="1"/>
    <col min="11011" max="11011" width="12.77734375" style="369" customWidth="1"/>
    <col min="11012" max="11012" width="9.6640625" style="369" customWidth="1"/>
    <col min="11013" max="11013" width="11.109375" style="369" customWidth="1"/>
    <col min="11014" max="11014" width="11.88671875" style="369" customWidth="1"/>
    <col min="11015" max="11015" width="5.88671875" style="369" customWidth="1"/>
    <col min="11016" max="11016" width="4.6640625" style="369" customWidth="1"/>
    <col min="11017" max="11020" width="4.88671875" style="369" customWidth="1"/>
    <col min="11021" max="11264" width="9" style="369"/>
    <col min="11265" max="11265" width="1" style="369" customWidth="1"/>
    <col min="11266" max="11266" width="10.33203125" style="369" customWidth="1"/>
    <col min="11267" max="11267" width="12.77734375" style="369" customWidth="1"/>
    <col min="11268" max="11268" width="9.6640625" style="369" customWidth="1"/>
    <col min="11269" max="11269" width="11.109375" style="369" customWidth="1"/>
    <col min="11270" max="11270" width="11.88671875" style="369" customWidth="1"/>
    <col min="11271" max="11271" width="5.88671875" style="369" customWidth="1"/>
    <col min="11272" max="11272" width="4.6640625" style="369" customWidth="1"/>
    <col min="11273" max="11276" width="4.88671875" style="369" customWidth="1"/>
    <col min="11277" max="11520" width="9" style="369"/>
    <col min="11521" max="11521" width="1" style="369" customWidth="1"/>
    <col min="11522" max="11522" width="10.33203125" style="369" customWidth="1"/>
    <col min="11523" max="11523" width="12.77734375" style="369" customWidth="1"/>
    <col min="11524" max="11524" width="9.6640625" style="369" customWidth="1"/>
    <col min="11525" max="11525" width="11.109375" style="369" customWidth="1"/>
    <col min="11526" max="11526" width="11.88671875" style="369" customWidth="1"/>
    <col min="11527" max="11527" width="5.88671875" style="369" customWidth="1"/>
    <col min="11528" max="11528" width="4.6640625" style="369" customWidth="1"/>
    <col min="11529" max="11532" width="4.88671875" style="369" customWidth="1"/>
    <col min="11533" max="11776" width="9" style="369"/>
    <col min="11777" max="11777" width="1" style="369" customWidth="1"/>
    <col min="11778" max="11778" width="10.33203125" style="369" customWidth="1"/>
    <col min="11779" max="11779" width="12.77734375" style="369" customWidth="1"/>
    <col min="11780" max="11780" width="9.6640625" style="369" customWidth="1"/>
    <col min="11781" max="11781" width="11.109375" style="369" customWidth="1"/>
    <col min="11782" max="11782" width="11.88671875" style="369" customWidth="1"/>
    <col min="11783" max="11783" width="5.88671875" style="369" customWidth="1"/>
    <col min="11784" max="11784" width="4.6640625" style="369" customWidth="1"/>
    <col min="11785" max="11788" width="4.88671875" style="369" customWidth="1"/>
    <col min="11789" max="12032" width="9" style="369"/>
    <col min="12033" max="12033" width="1" style="369" customWidth="1"/>
    <col min="12034" max="12034" width="10.33203125" style="369" customWidth="1"/>
    <col min="12035" max="12035" width="12.77734375" style="369" customWidth="1"/>
    <col min="12036" max="12036" width="9.6640625" style="369" customWidth="1"/>
    <col min="12037" max="12037" width="11.109375" style="369" customWidth="1"/>
    <col min="12038" max="12038" width="11.88671875" style="369" customWidth="1"/>
    <col min="12039" max="12039" width="5.88671875" style="369" customWidth="1"/>
    <col min="12040" max="12040" width="4.6640625" style="369" customWidth="1"/>
    <col min="12041" max="12044" width="4.88671875" style="369" customWidth="1"/>
    <col min="12045" max="12288" width="9" style="369"/>
    <col min="12289" max="12289" width="1" style="369" customWidth="1"/>
    <col min="12290" max="12290" width="10.33203125" style="369" customWidth="1"/>
    <col min="12291" max="12291" width="12.77734375" style="369" customWidth="1"/>
    <col min="12292" max="12292" width="9.6640625" style="369" customWidth="1"/>
    <col min="12293" max="12293" width="11.109375" style="369" customWidth="1"/>
    <col min="12294" max="12294" width="11.88671875" style="369" customWidth="1"/>
    <col min="12295" max="12295" width="5.88671875" style="369" customWidth="1"/>
    <col min="12296" max="12296" width="4.6640625" style="369" customWidth="1"/>
    <col min="12297" max="12300" width="4.88671875" style="369" customWidth="1"/>
    <col min="12301" max="12544" width="9" style="369"/>
    <col min="12545" max="12545" width="1" style="369" customWidth="1"/>
    <col min="12546" max="12546" width="10.33203125" style="369" customWidth="1"/>
    <col min="12547" max="12547" width="12.77734375" style="369" customWidth="1"/>
    <col min="12548" max="12548" width="9.6640625" style="369" customWidth="1"/>
    <col min="12549" max="12549" width="11.109375" style="369" customWidth="1"/>
    <col min="12550" max="12550" width="11.88671875" style="369" customWidth="1"/>
    <col min="12551" max="12551" width="5.88671875" style="369" customWidth="1"/>
    <col min="12552" max="12552" width="4.6640625" style="369" customWidth="1"/>
    <col min="12553" max="12556" width="4.88671875" style="369" customWidth="1"/>
    <col min="12557" max="12800" width="9" style="369"/>
    <col min="12801" max="12801" width="1" style="369" customWidth="1"/>
    <col min="12802" max="12802" width="10.33203125" style="369" customWidth="1"/>
    <col min="12803" max="12803" width="12.77734375" style="369" customWidth="1"/>
    <col min="12804" max="12804" width="9.6640625" style="369" customWidth="1"/>
    <col min="12805" max="12805" width="11.109375" style="369" customWidth="1"/>
    <col min="12806" max="12806" width="11.88671875" style="369" customWidth="1"/>
    <col min="12807" max="12807" width="5.88671875" style="369" customWidth="1"/>
    <col min="12808" max="12808" width="4.6640625" style="369" customWidth="1"/>
    <col min="12809" max="12812" width="4.88671875" style="369" customWidth="1"/>
    <col min="12813" max="13056" width="9" style="369"/>
    <col min="13057" max="13057" width="1" style="369" customWidth="1"/>
    <col min="13058" max="13058" width="10.33203125" style="369" customWidth="1"/>
    <col min="13059" max="13059" width="12.77734375" style="369" customWidth="1"/>
    <col min="13060" max="13060" width="9.6640625" style="369" customWidth="1"/>
    <col min="13061" max="13061" width="11.109375" style="369" customWidth="1"/>
    <col min="13062" max="13062" width="11.88671875" style="369" customWidth="1"/>
    <col min="13063" max="13063" width="5.88671875" style="369" customWidth="1"/>
    <col min="13064" max="13064" width="4.6640625" style="369" customWidth="1"/>
    <col min="13065" max="13068" width="4.88671875" style="369" customWidth="1"/>
    <col min="13069" max="13312" width="9" style="369"/>
    <col min="13313" max="13313" width="1" style="369" customWidth="1"/>
    <col min="13314" max="13314" width="10.33203125" style="369" customWidth="1"/>
    <col min="13315" max="13315" width="12.77734375" style="369" customWidth="1"/>
    <col min="13316" max="13316" width="9.6640625" style="369" customWidth="1"/>
    <col min="13317" max="13317" width="11.109375" style="369" customWidth="1"/>
    <col min="13318" max="13318" width="11.88671875" style="369" customWidth="1"/>
    <col min="13319" max="13319" width="5.88671875" style="369" customWidth="1"/>
    <col min="13320" max="13320" width="4.6640625" style="369" customWidth="1"/>
    <col min="13321" max="13324" width="4.88671875" style="369" customWidth="1"/>
    <col min="13325" max="13568" width="9" style="369"/>
    <col min="13569" max="13569" width="1" style="369" customWidth="1"/>
    <col min="13570" max="13570" width="10.33203125" style="369" customWidth="1"/>
    <col min="13571" max="13571" width="12.77734375" style="369" customWidth="1"/>
    <col min="13572" max="13572" width="9.6640625" style="369" customWidth="1"/>
    <col min="13573" max="13573" width="11.109375" style="369" customWidth="1"/>
    <col min="13574" max="13574" width="11.88671875" style="369" customWidth="1"/>
    <col min="13575" max="13575" width="5.88671875" style="369" customWidth="1"/>
    <col min="13576" max="13576" width="4.6640625" style="369" customWidth="1"/>
    <col min="13577" max="13580" width="4.88671875" style="369" customWidth="1"/>
    <col min="13581" max="13824" width="9" style="369"/>
    <col min="13825" max="13825" width="1" style="369" customWidth="1"/>
    <col min="13826" max="13826" width="10.33203125" style="369" customWidth="1"/>
    <col min="13827" max="13827" width="12.77734375" style="369" customWidth="1"/>
    <col min="13828" max="13828" width="9.6640625" style="369" customWidth="1"/>
    <col min="13829" max="13829" width="11.109375" style="369" customWidth="1"/>
    <col min="13830" max="13830" width="11.88671875" style="369" customWidth="1"/>
    <col min="13831" max="13831" width="5.88671875" style="369" customWidth="1"/>
    <col min="13832" max="13832" width="4.6640625" style="369" customWidth="1"/>
    <col min="13833" max="13836" width="4.88671875" style="369" customWidth="1"/>
    <col min="13837" max="14080" width="9" style="369"/>
    <col min="14081" max="14081" width="1" style="369" customWidth="1"/>
    <col min="14082" max="14082" width="10.33203125" style="369" customWidth="1"/>
    <col min="14083" max="14083" width="12.77734375" style="369" customWidth="1"/>
    <col min="14084" max="14084" width="9.6640625" style="369" customWidth="1"/>
    <col min="14085" max="14085" width="11.109375" style="369" customWidth="1"/>
    <col min="14086" max="14086" width="11.88671875" style="369" customWidth="1"/>
    <col min="14087" max="14087" width="5.88671875" style="369" customWidth="1"/>
    <col min="14088" max="14088" width="4.6640625" style="369" customWidth="1"/>
    <col min="14089" max="14092" width="4.88671875" style="369" customWidth="1"/>
    <col min="14093" max="14336" width="9" style="369"/>
    <col min="14337" max="14337" width="1" style="369" customWidth="1"/>
    <col min="14338" max="14338" width="10.33203125" style="369" customWidth="1"/>
    <col min="14339" max="14339" width="12.77734375" style="369" customWidth="1"/>
    <col min="14340" max="14340" width="9.6640625" style="369" customWidth="1"/>
    <col min="14341" max="14341" width="11.109375" style="369" customWidth="1"/>
    <col min="14342" max="14342" width="11.88671875" style="369" customWidth="1"/>
    <col min="14343" max="14343" width="5.88671875" style="369" customWidth="1"/>
    <col min="14344" max="14344" width="4.6640625" style="369" customWidth="1"/>
    <col min="14345" max="14348" width="4.88671875" style="369" customWidth="1"/>
    <col min="14349" max="14592" width="9" style="369"/>
    <col min="14593" max="14593" width="1" style="369" customWidth="1"/>
    <col min="14594" max="14594" width="10.33203125" style="369" customWidth="1"/>
    <col min="14595" max="14595" width="12.77734375" style="369" customWidth="1"/>
    <col min="14596" max="14596" width="9.6640625" style="369" customWidth="1"/>
    <col min="14597" max="14597" width="11.109375" style="369" customWidth="1"/>
    <col min="14598" max="14598" width="11.88671875" style="369" customWidth="1"/>
    <col min="14599" max="14599" width="5.88671875" style="369" customWidth="1"/>
    <col min="14600" max="14600" width="4.6640625" style="369" customWidth="1"/>
    <col min="14601" max="14604" width="4.88671875" style="369" customWidth="1"/>
    <col min="14605" max="14848" width="9" style="369"/>
    <col min="14849" max="14849" width="1" style="369" customWidth="1"/>
    <col min="14850" max="14850" width="10.33203125" style="369" customWidth="1"/>
    <col min="14851" max="14851" width="12.77734375" style="369" customWidth="1"/>
    <col min="14852" max="14852" width="9.6640625" style="369" customWidth="1"/>
    <col min="14853" max="14853" width="11.109375" style="369" customWidth="1"/>
    <col min="14854" max="14854" width="11.88671875" style="369" customWidth="1"/>
    <col min="14855" max="14855" width="5.88671875" style="369" customWidth="1"/>
    <col min="14856" max="14856" width="4.6640625" style="369" customWidth="1"/>
    <col min="14857" max="14860" width="4.88671875" style="369" customWidth="1"/>
    <col min="14861" max="15104" width="9" style="369"/>
    <col min="15105" max="15105" width="1" style="369" customWidth="1"/>
    <col min="15106" max="15106" width="10.33203125" style="369" customWidth="1"/>
    <col min="15107" max="15107" width="12.77734375" style="369" customWidth="1"/>
    <col min="15108" max="15108" width="9.6640625" style="369" customWidth="1"/>
    <col min="15109" max="15109" width="11.109375" style="369" customWidth="1"/>
    <col min="15110" max="15110" width="11.88671875" style="369" customWidth="1"/>
    <col min="15111" max="15111" width="5.88671875" style="369" customWidth="1"/>
    <col min="15112" max="15112" width="4.6640625" style="369" customWidth="1"/>
    <col min="15113" max="15116" width="4.88671875" style="369" customWidth="1"/>
    <col min="15117" max="15360" width="9" style="369"/>
    <col min="15361" max="15361" width="1" style="369" customWidth="1"/>
    <col min="15362" max="15362" width="10.33203125" style="369" customWidth="1"/>
    <col min="15363" max="15363" width="12.77734375" style="369" customWidth="1"/>
    <col min="15364" max="15364" width="9.6640625" style="369" customWidth="1"/>
    <col min="15365" max="15365" width="11.109375" style="369" customWidth="1"/>
    <col min="15366" max="15366" width="11.88671875" style="369" customWidth="1"/>
    <col min="15367" max="15367" width="5.88671875" style="369" customWidth="1"/>
    <col min="15368" max="15368" width="4.6640625" style="369" customWidth="1"/>
    <col min="15369" max="15372" width="4.88671875" style="369" customWidth="1"/>
    <col min="15373" max="15616" width="9" style="369"/>
    <col min="15617" max="15617" width="1" style="369" customWidth="1"/>
    <col min="15618" max="15618" width="10.33203125" style="369" customWidth="1"/>
    <col min="15619" max="15619" width="12.77734375" style="369" customWidth="1"/>
    <col min="15620" max="15620" width="9.6640625" style="369" customWidth="1"/>
    <col min="15621" max="15621" width="11.109375" style="369" customWidth="1"/>
    <col min="15622" max="15622" width="11.88671875" style="369" customWidth="1"/>
    <col min="15623" max="15623" width="5.88671875" style="369" customWidth="1"/>
    <col min="15624" max="15624" width="4.6640625" style="369" customWidth="1"/>
    <col min="15625" max="15628" width="4.88671875" style="369" customWidth="1"/>
    <col min="15629" max="15872" width="9" style="369"/>
    <col min="15873" max="15873" width="1" style="369" customWidth="1"/>
    <col min="15874" max="15874" width="10.33203125" style="369" customWidth="1"/>
    <col min="15875" max="15875" width="12.77734375" style="369" customWidth="1"/>
    <col min="15876" max="15876" width="9.6640625" style="369" customWidth="1"/>
    <col min="15877" max="15877" width="11.109375" style="369" customWidth="1"/>
    <col min="15878" max="15878" width="11.88671875" style="369" customWidth="1"/>
    <col min="15879" max="15879" width="5.88671875" style="369" customWidth="1"/>
    <col min="15880" max="15880" width="4.6640625" style="369" customWidth="1"/>
    <col min="15881" max="15884" width="4.88671875" style="369" customWidth="1"/>
    <col min="15885" max="16128" width="9" style="369"/>
    <col min="16129" max="16129" width="1" style="369" customWidth="1"/>
    <col min="16130" max="16130" width="10.33203125" style="369" customWidth="1"/>
    <col min="16131" max="16131" width="12.77734375" style="369" customWidth="1"/>
    <col min="16132" max="16132" width="9.6640625" style="369" customWidth="1"/>
    <col min="16133" max="16133" width="11.109375" style="369" customWidth="1"/>
    <col min="16134" max="16134" width="11.88671875" style="369" customWidth="1"/>
    <col min="16135" max="16135" width="5.88671875" style="369" customWidth="1"/>
    <col min="16136" max="16136" width="4.6640625" style="369" customWidth="1"/>
    <col min="16137" max="16140" width="4.88671875" style="369" customWidth="1"/>
    <col min="16141" max="16384" width="9" style="369"/>
  </cols>
  <sheetData>
    <row r="1" spans="2:12" ht="20.100000000000001" customHeight="1" thickBot="1">
      <c r="B1" s="564" t="s">
        <v>514</v>
      </c>
      <c r="C1" s="564"/>
      <c r="D1" s="564"/>
      <c r="E1" s="564"/>
      <c r="F1" s="564"/>
      <c r="G1" s="564"/>
      <c r="H1" s="564"/>
      <c r="I1" s="564"/>
      <c r="J1" s="564"/>
      <c r="K1" s="564"/>
      <c r="L1" s="564"/>
    </row>
    <row r="2" spans="2:12">
      <c r="B2" s="965" t="s">
        <v>515</v>
      </c>
      <c r="C2" s="1644"/>
      <c r="D2" s="712"/>
      <c r="E2" s="1650" t="s">
        <v>975</v>
      </c>
      <c r="F2" s="1650"/>
      <c r="G2" s="1650"/>
      <c r="H2" s="1650"/>
      <c r="I2" s="1650"/>
      <c r="J2" s="1650"/>
      <c r="K2" s="114"/>
      <c r="L2" s="80"/>
    </row>
    <row r="3" spans="2:12" ht="21" customHeight="1">
      <c r="B3" s="563" t="s">
        <v>517</v>
      </c>
      <c r="C3" s="573"/>
      <c r="D3" s="573"/>
      <c r="E3" s="573"/>
      <c r="F3" s="573"/>
      <c r="G3" s="573"/>
      <c r="H3" s="573"/>
      <c r="I3" s="78"/>
      <c r="J3" s="78"/>
      <c r="K3" s="78"/>
      <c r="L3" s="556"/>
    </row>
    <row r="4" spans="2:12" ht="21" customHeight="1" thickBot="1">
      <c r="B4" s="108"/>
      <c r="C4" s="109"/>
      <c r="D4" s="109"/>
      <c r="E4" s="109"/>
      <c r="F4" s="109"/>
      <c r="G4" s="109"/>
      <c r="H4" s="109"/>
      <c r="I4" s="109"/>
      <c r="J4" s="109"/>
      <c r="K4" s="109"/>
      <c r="L4" s="113"/>
    </row>
    <row r="5" spans="2:12">
      <c r="B5" s="78"/>
      <c r="C5" s="78"/>
      <c r="D5" s="78"/>
      <c r="E5" s="78"/>
      <c r="F5" s="78"/>
      <c r="G5" s="78"/>
      <c r="H5" s="78"/>
      <c r="I5" s="78"/>
      <c r="J5" s="78"/>
      <c r="K5" s="78"/>
      <c r="L5" s="78"/>
    </row>
    <row r="6" spans="2:12">
      <c r="B6" s="564" t="s">
        <v>518</v>
      </c>
      <c r="C6" s="564"/>
      <c r="D6" s="564"/>
      <c r="E6" s="564"/>
      <c r="F6" s="564"/>
      <c r="G6" s="564"/>
      <c r="H6" s="564"/>
      <c r="I6" s="564"/>
      <c r="J6" s="564"/>
      <c r="K6" s="78"/>
      <c r="L6" s="78"/>
    </row>
    <row r="7" spans="2:12" ht="15.75" customHeight="1">
      <c r="B7" s="564" t="s">
        <v>519</v>
      </c>
      <c r="C7" s="564"/>
      <c r="D7" s="564"/>
      <c r="E7" s="572"/>
      <c r="G7" s="564"/>
      <c r="H7" s="564"/>
      <c r="I7" s="564"/>
      <c r="J7" s="564"/>
      <c r="K7" s="78"/>
      <c r="L7" s="78"/>
    </row>
    <row r="8" spans="2:12" ht="15.75" customHeight="1">
      <c r="B8" s="564" t="s">
        <v>520</v>
      </c>
      <c r="C8" s="564"/>
      <c r="D8" s="564"/>
      <c r="E8" s="572"/>
      <c r="F8" s="370" t="s">
        <v>521</v>
      </c>
      <c r="H8" s="564"/>
      <c r="I8" s="564"/>
      <c r="J8" s="564"/>
      <c r="K8" s="78"/>
      <c r="L8" s="78"/>
    </row>
    <row r="9" spans="2:12" ht="15.75" customHeight="1" thickBot="1">
      <c r="B9" s="564" t="s">
        <v>522</v>
      </c>
      <c r="C9" s="564"/>
      <c r="D9" s="564"/>
      <c r="E9" s="564"/>
      <c r="F9" s="109"/>
      <c r="G9" s="109"/>
      <c r="H9" s="109"/>
      <c r="I9" s="109"/>
      <c r="J9" s="109"/>
      <c r="K9" s="109"/>
      <c r="L9" s="109"/>
    </row>
    <row r="10" spans="2:12" ht="15.75" customHeight="1">
      <c r="B10" s="568" t="s">
        <v>523</v>
      </c>
      <c r="C10" s="569"/>
      <c r="D10" s="569"/>
      <c r="E10" s="569"/>
      <c r="F10" s="371"/>
      <c r="G10" s="569"/>
      <c r="H10" s="569"/>
      <c r="I10" s="569"/>
      <c r="J10" s="569"/>
      <c r="K10" s="569"/>
      <c r="L10" s="570"/>
    </row>
    <row r="11" spans="2:12" ht="15.75" customHeight="1">
      <c r="B11" s="118"/>
      <c r="C11" s="78"/>
      <c r="D11" s="78"/>
      <c r="E11" s="78"/>
      <c r="F11" s="372"/>
      <c r="G11" s="78"/>
      <c r="H11" s="78"/>
      <c r="I11" s="78"/>
      <c r="J11" s="78"/>
      <c r="K11" s="78"/>
      <c r="L11" s="556"/>
    </row>
    <row r="12" spans="2:12" ht="15.75" customHeight="1" thickBot="1">
      <c r="B12" s="108"/>
      <c r="C12" s="109"/>
      <c r="D12" s="109"/>
      <c r="E12" s="109"/>
      <c r="F12" s="109"/>
      <c r="G12" s="109"/>
      <c r="H12" s="109"/>
      <c r="I12" s="109"/>
      <c r="J12" s="109"/>
      <c r="K12" s="109"/>
      <c r="L12" s="113"/>
    </row>
    <row r="13" spans="2:12">
      <c r="B13" s="564"/>
      <c r="C13" s="564"/>
      <c r="D13" s="564"/>
      <c r="E13" s="564"/>
      <c r="F13" s="78"/>
      <c r="G13" s="78"/>
      <c r="H13" s="78"/>
      <c r="I13" s="78"/>
      <c r="J13" s="78"/>
      <c r="K13" s="78"/>
      <c r="L13" s="78"/>
    </row>
    <row r="14" spans="2:12" ht="15" thickBot="1">
      <c r="B14" s="564" t="s">
        <v>524</v>
      </c>
      <c r="C14" s="564"/>
      <c r="D14" s="564" t="s">
        <v>525</v>
      </c>
      <c r="E14" s="564"/>
      <c r="F14" s="564"/>
      <c r="G14" s="564"/>
      <c r="H14" s="564"/>
      <c r="I14" s="564"/>
      <c r="J14" s="564"/>
      <c r="K14" s="78"/>
      <c r="L14" s="78"/>
    </row>
    <row r="15" spans="2:12" ht="16.5" customHeight="1">
      <c r="B15" s="373"/>
      <c r="C15" s="374" t="s">
        <v>526</v>
      </c>
      <c r="D15" s="374" t="s">
        <v>527</v>
      </c>
      <c r="E15" s="374" t="s">
        <v>528</v>
      </c>
      <c r="F15" s="534" t="s">
        <v>373</v>
      </c>
      <c r="G15" s="921" t="s">
        <v>211</v>
      </c>
      <c r="H15" s="1644"/>
      <c r="I15" s="534"/>
      <c r="J15" s="567" t="s">
        <v>87</v>
      </c>
      <c r="K15" s="80"/>
      <c r="L15" s="78"/>
    </row>
    <row r="16" spans="2:12" ht="16.5" customHeight="1">
      <c r="B16" s="533" t="s">
        <v>529</v>
      </c>
      <c r="C16" s="580"/>
      <c r="D16" s="580"/>
      <c r="E16" s="580"/>
      <c r="F16" s="558"/>
      <c r="G16" s="82"/>
      <c r="H16" s="207"/>
      <c r="I16" s="82"/>
      <c r="J16" s="84"/>
      <c r="K16" s="557" t="s">
        <v>530</v>
      </c>
      <c r="L16" s="78"/>
    </row>
    <row r="17" spans="2:12" ht="16.5" customHeight="1">
      <c r="B17" s="533" t="s">
        <v>531</v>
      </c>
      <c r="C17" s="580"/>
      <c r="D17" s="580"/>
      <c r="E17" s="580"/>
      <c r="F17" s="558"/>
      <c r="G17" s="82"/>
      <c r="H17" s="207"/>
      <c r="I17" s="82"/>
      <c r="J17" s="84"/>
      <c r="K17" s="557" t="s">
        <v>530</v>
      </c>
      <c r="L17" s="78"/>
    </row>
    <row r="18" spans="2:12" ht="16.5" customHeight="1" thickBot="1">
      <c r="B18" s="375" t="s">
        <v>532</v>
      </c>
      <c r="C18" s="110"/>
      <c r="D18" s="110"/>
      <c r="E18" s="110"/>
      <c r="F18" s="111"/>
      <c r="G18" s="86"/>
      <c r="H18" s="223"/>
      <c r="I18" s="86"/>
      <c r="J18" s="221"/>
      <c r="K18" s="204" t="s">
        <v>530</v>
      </c>
      <c r="L18" s="78"/>
    </row>
    <row r="19" spans="2:12">
      <c r="B19" s="78"/>
      <c r="C19" s="78"/>
      <c r="D19" s="78"/>
      <c r="E19" s="78"/>
      <c r="F19" s="78"/>
      <c r="G19" s="78"/>
      <c r="H19" s="78"/>
      <c r="I19" s="78"/>
      <c r="J19" s="78"/>
      <c r="K19" s="78"/>
      <c r="L19" s="78"/>
    </row>
    <row r="20" spans="2:12" ht="15" thickBot="1">
      <c r="B20" s="1003" t="s">
        <v>1100</v>
      </c>
      <c r="C20" s="1003"/>
      <c r="D20" s="1003"/>
      <c r="E20" s="1003"/>
      <c r="F20" s="1003"/>
      <c r="G20" s="1003"/>
      <c r="H20" s="1003"/>
      <c r="I20" s="1003"/>
      <c r="J20" s="1003"/>
      <c r="K20" s="1003"/>
      <c r="L20" s="1003"/>
    </row>
    <row r="21" spans="2:12" ht="32.25" customHeight="1">
      <c r="B21" s="538" t="s">
        <v>533</v>
      </c>
      <c r="C21" s="377" t="s">
        <v>534</v>
      </c>
      <c r="D21" s="378" t="s">
        <v>535</v>
      </c>
      <c r="E21" s="921" t="s">
        <v>536</v>
      </c>
      <c r="F21" s="922"/>
      <c r="G21" s="922"/>
      <c r="H21" s="1645"/>
      <c r="I21" s="1646" t="s">
        <v>537</v>
      </c>
      <c r="J21" s="1647"/>
      <c r="K21" s="1648" t="s">
        <v>538</v>
      </c>
      <c r="L21" s="1649"/>
    </row>
    <row r="22" spans="2:12" ht="19.5" customHeight="1">
      <c r="B22" s="1654" t="s">
        <v>539</v>
      </c>
      <c r="C22" s="554"/>
      <c r="D22" s="379"/>
      <c r="E22" s="1331"/>
      <c r="F22" s="1656"/>
      <c r="G22" s="1656"/>
      <c r="H22" s="1657"/>
      <c r="I22" s="1638"/>
      <c r="J22" s="1661"/>
      <c r="K22" s="1638"/>
      <c r="L22" s="1639"/>
    </row>
    <row r="23" spans="2:12" ht="19.5" customHeight="1">
      <c r="B23" s="1655"/>
      <c r="C23" s="580"/>
      <c r="D23" s="380" t="s">
        <v>540</v>
      </c>
      <c r="E23" s="1651"/>
      <c r="F23" s="1652"/>
      <c r="G23" s="1652"/>
      <c r="H23" s="1653"/>
      <c r="I23" s="1640"/>
      <c r="J23" s="1662"/>
      <c r="K23" s="1640"/>
      <c r="L23" s="1641"/>
    </row>
    <row r="24" spans="2:12" ht="19.5" customHeight="1">
      <c r="B24" s="1654" t="s">
        <v>541</v>
      </c>
      <c r="C24" s="579"/>
      <c r="D24" s="379"/>
      <c r="E24" s="1658"/>
      <c r="F24" s="1659"/>
      <c r="G24" s="1659"/>
      <c r="H24" s="1660"/>
      <c r="I24" s="1638"/>
      <c r="J24" s="1661"/>
      <c r="K24" s="1638"/>
      <c r="L24" s="1639"/>
    </row>
    <row r="25" spans="2:12" ht="19.5" customHeight="1">
      <c r="B25" s="1655"/>
      <c r="C25" s="580"/>
      <c r="D25" s="380" t="s">
        <v>540</v>
      </c>
      <c r="E25" s="1651"/>
      <c r="F25" s="1652"/>
      <c r="G25" s="1652"/>
      <c r="H25" s="1653"/>
      <c r="I25" s="1640"/>
      <c r="J25" s="1662"/>
      <c r="K25" s="1640"/>
      <c r="L25" s="1641"/>
    </row>
    <row r="26" spans="2:12" ht="19.5" customHeight="1">
      <c r="B26" s="1654" t="s">
        <v>542</v>
      </c>
      <c r="C26" s="213"/>
      <c r="D26" s="78"/>
      <c r="E26" s="1658"/>
      <c r="F26" s="1659"/>
      <c r="G26" s="1659"/>
      <c r="H26" s="1660"/>
      <c r="I26" s="1638"/>
      <c r="J26" s="1661"/>
      <c r="K26" s="1638"/>
      <c r="L26" s="1639"/>
    </row>
    <row r="27" spans="2:12" ht="19.5" customHeight="1" thickBot="1">
      <c r="B27" s="1677"/>
      <c r="C27" s="110"/>
      <c r="D27" s="381" t="s">
        <v>540</v>
      </c>
      <c r="E27" s="1663"/>
      <c r="F27" s="1664"/>
      <c r="G27" s="1664"/>
      <c r="H27" s="1665"/>
      <c r="I27" s="1642"/>
      <c r="J27" s="1666"/>
      <c r="K27" s="1642"/>
      <c r="L27" s="1643"/>
    </row>
    <row r="28" spans="2:12">
      <c r="B28" s="564"/>
      <c r="C28" s="564"/>
      <c r="D28" s="564"/>
      <c r="E28" s="564"/>
      <c r="F28" s="564"/>
      <c r="G28" s="564"/>
      <c r="H28" s="564"/>
      <c r="I28" s="564"/>
      <c r="J28" s="564"/>
      <c r="K28" s="564"/>
      <c r="L28" s="564"/>
    </row>
    <row r="29" spans="2:12" ht="15" thickBot="1">
      <c r="B29" s="564" t="s">
        <v>543</v>
      </c>
      <c r="C29" s="564"/>
      <c r="D29" s="564"/>
      <c r="E29" s="1340"/>
      <c r="F29" s="1340"/>
      <c r="G29" s="1340"/>
      <c r="H29" s="564"/>
      <c r="I29" s="564"/>
      <c r="J29" s="564"/>
      <c r="K29" s="564"/>
      <c r="L29" s="564"/>
    </row>
    <row r="30" spans="2:12" ht="21" customHeight="1">
      <c r="B30" s="544" t="s">
        <v>544</v>
      </c>
      <c r="C30" s="574"/>
      <c r="D30" s="574"/>
      <c r="E30" s="574"/>
      <c r="F30" s="569"/>
      <c r="G30" s="569"/>
      <c r="H30" s="569"/>
      <c r="I30" s="569"/>
      <c r="J30" s="569"/>
      <c r="K30" s="569"/>
      <c r="L30" s="570"/>
    </row>
    <row r="31" spans="2:12" ht="21" customHeight="1">
      <c r="B31" s="543" t="s">
        <v>545</v>
      </c>
      <c r="C31" s="540"/>
      <c r="D31" s="540"/>
      <c r="E31" s="540"/>
      <c r="F31" s="540"/>
      <c r="G31" s="540"/>
      <c r="H31" s="540"/>
      <c r="I31" s="78"/>
      <c r="J31" s="78"/>
      <c r="K31" s="78"/>
      <c r="L31" s="556"/>
    </row>
    <row r="32" spans="2:12" ht="20.25" customHeight="1">
      <c r="B32" s="1667" t="s">
        <v>546</v>
      </c>
      <c r="C32" s="1657"/>
      <c r="D32" s="566" t="s">
        <v>547</v>
      </c>
      <c r="E32" s="103"/>
      <c r="F32" s="103"/>
      <c r="G32" s="103"/>
      <c r="H32" s="103"/>
      <c r="I32" s="103"/>
      <c r="J32" s="103"/>
      <c r="K32" s="103"/>
      <c r="L32" s="106"/>
    </row>
    <row r="33" spans="2:12" ht="20.25" customHeight="1">
      <c r="B33" s="1668"/>
      <c r="C33" s="1669"/>
      <c r="D33" s="382"/>
      <c r="E33" s="78"/>
      <c r="F33" s="78"/>
      <c r="G33" s="78"/>
      <c r="H33" s="78"/>
      <c r="I33" s="78"/>
      <c r="J33" s="78"/>
      <c r="K33" s="78"/>
      <c r="L33" s="556"/>
    </row>
    <row r="34" spans="2:12" ht="20.25" customHeight="1">
      <c r="B34" s="1670"/>
      <c r="C34" s="1671"/>
      <c r="D34" s="558"/>
      <c r="E34" s="81"/>
      <c r="F34" s="81"/>
      <c r="G34" s="81"/>
      <c r="H34" s="81"/>
      <c r="I34" s="81"/>
      <c r="J34" s="81"/>
      <c r="K34" s="81"/>
      <c r="L34" s="559"/>
    </row>
    <row r="35" spans="2:12" ht="20.25" customHeight="1">
      <c r="B35" s="1383" t="s">
        <v>548</v>
      </c>
      <c r="C35" s="1672"/>
      <c r="D35" s="382" t="s">
        <v>549</v>
      </c>
      <c r="E35" s="78"/>
      <c r="F35" s="78"/>
      <c r="G35" s="78"/>
      <c r="H35" s="78"/>
      <c r="I35" s="78"/>
      <c r="J35" s="78"/>
      <c r="K35" s="78"/>
      <c r="L35" s="556"/>
    </row>
    <row r="36" spans="2:12" ht="20.25" customHeight="1">
      <c r="B36" s="1673"/>
      <c r="C36" s="1674"/>
      <c r="D36" s="382"/>
      <c r="E36" s="78"/>
      <c r="F36" s="78"/>
      <c r="G36" s="78"/>
      <c r="H36" s="78"/>
      <c r="I36" s="78"/>
      <c r="J36" s="78"/>
      <c r="K36" s="78"/>
      <c r="L36" s="556"/>
    </row>
    <row r="37" spans="2:12" ht="20.25" customHeight="1">
      <c r="B37" s="1675" t="s">
        <v>550</v>
      </c>
      <c r="C37" s="1676"/>
      <c r="D37" s="558"/>
      <c r="E37" s="81"/>
      <c r="F37" s="81"/>
      <c r="G37" s="81"/>
      <c r="H37" s="81"/>
      <c r="I37" s="81"/>
      <c r="J37" s="81"/>
      <c r="K37" s="81"/>
      <c r="L37" s="559"/>
    </row>
    <row r="38" spans="2:12" ht="20.25" customHeight="1">
      <c r="B38" s="563" t="s">
        <v>551</v>
      </c>
      <c r="C38" s="78"/>
      <c r="D38" s="78"/>
      <c r="E38" s="78"/>
      <c r="F38" s="78"/>
      <c r="G38" s="78"/>
      <c r="H38" s="78"/>
      <c r="I38" s="78"/>
      <c r="J38" s="78"/>
      <c r="K38" s="78"/>
      <c r="L38" s="556"/>
    </row>
    <row r="39" spans="2:12" ht="20.25" customHeight="1">
      <c r="B39" s="118"/>
      <c r="C39" s="78"/>
      <c r="D39" s="78"/>
      <c r="E39" s="78"/>
      <c r="F39" s="78"/>
      <c r="G39" s="78"/>
      <c r="H39" s="78"/>
      <c r="I39" s="78"/>
      <c r="J39" s="78"/>
      <c r="K39" s="78"/>
      <c r="L39" s="556"/>
    </row>
    <row r="40" spans="2:12" ht="20.25" customHeight="1">
      <c r="B40" s="97"/>
      <c r="C40" s="81"/>
      <c r="D40" s="81"/>
      <c r="E40" s="81"/>
      <c r="F40" s="81"/>
      <c r="G40" s="81"/>
      <c r="H40" s="81"/>
      <c r="I40" s="81"/>
      <c r="J40" s="81"/>
      <c r="K40" s="81"/>
      <c r="L40" s="559"/>
    </row>
    <row r="41" spans="2:12" ht="20.25" customHeight="1">
      <c r="B41" s="383" t="s">
        <v>552</v>
      </c>
      <c r="C41" s="103"/>
      <c r="D41" s="103"/>
      <c r="E41" s="103"/>
      <c r="F41" s="103"/>
      <c r="G41" s="103"/>
      <c r="H41" s="103"/>
      <c r="I41" s="103"/>
      <c r="J41" s="103"/>
      <c r="K41" s="103"/>
      <c r="L41" s="106"/>
    </row>
    <row r="42" spans="2:12" ht="20.25" customHeight="1">
      <c r="B42" s="118"/>
      <c r="C42" s="78"/>
      <c r="D42" s="78"/>
      <c r="E42" s="78"/>
      <c r="F42" s="78"/>
      <c r="G42" s="78"/>
      <c r="H42" s="78"/>
      <c r="I42" s="78"/>
      <c r="J42" s="78"/>
      <c r="K42" s="78"/>
      <c r="L42" s="556"/>
    </row>
    <row r="43" spans="2:12" ht="20.25" customHeight="1" thickBot="1">
      <c r="B43" s="384"/>
      <c r="C43" s="385"/>
      <c r="D43" s="385"/>
      <c r="E43" s="385"/>
      <c r="F43" s="385"/>
      <c r="G43" s="385"/>
      <c r="H43" s="385"/>
      <c r="I43" s="385"/>
      <c r="J43" s="385"/>
      <c r="K43" s="385"/>
      <c r="L43" s="386"/>
    </row>
  </sheetData>
  <mergeCells count="26">
    <mergeCell ref="B32:C34"/>
    <mergeCell ref="B35:C36"/>
    <mergeCell ref="B37:C37"/>
    <mergeCell ref="B26:B27"/>
    <mergeCell ref="E26:H26"/>
    <mergeCell ref="I22:J23"/>
    <mergeCell ref="I24:J25"/>
    <mergeCell ref="E27:H27"/>
    <mergeCell ref="I26:J27"/>
    <mergeCell ref="E29:G29"/>
    <mergeCell ref="K22:L23"/>
    <mergeCell ref="K24:L25"/>
    <mergeCell ref="K26:L27"/>
    <mergeCell ref="B2:C2"/>
    <mergeCell ref="G15:H15"/>
    <mergeCell ref="B20:L20"/>
    <mergeCell ref="E21:H21"/>
    <mergeCell ref="I21:J21"/>
    <mergeCell ref="K21:L21"/>
    <mergeCell ref="E2:J2"/>
    <mergeCell ref="E25:H25"/>
    <mergeCell ref="B22:B23"/>
    <mergeCell ref="E22:H22"/>
    <mergeCell ref="E23:H23"/>
    <mergeCell ref="B24:B25"/>
    <mergeCell ref="E24:H24"/>
  </mergeCells>
  <phoneticPr fontId="3"/>
  <dataValidations count="2">
    <dataValidation type="list" imeMode="on" allowBlank="1" showInputMessage="1" promptTitle="関係先への連絡の有無" prompt="リストから選択してください。" sqref="K22:L27" xr:uid="{053B58AE-9B90-4DCD-8C65-F4E88AF45C79}">
      <formula1>"有,無,"</formula1>
    </dataValidation>
    <dataValidation type="list" imeMode="on" allowBlank="1" showInputMessage="1" promptTitle="事故報告書等の有無" prompt="リストから選択してください。" sqref="I22:J27" xr:uid="{DAD7CBC8-9947-4304-B06D-7151B110600B}">
      <formula1>"有,無,"</formula1>
    </dataValidation>
  </dataValidations>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9393" r:id="rId4" name="Check Box 1">
              <controlPr defaultSize="0" autoFill="0" autoLine="0" autoPict="0">
                <anchor moveWithCells="1">
                  <from>
                    <xdr:col>3</xdr:col>
                    <xdr:colOff>205740</xdr:colOff>
                    <xdr:row>0</xdr:row>
                    <xdr:rowOff>205740</xdr:rowOff>
                  </from>
                  <to>
                    <xdr:col>3</xdr:col>
                    <xdr:colOff>647700</xdr:colOff>
                    <xdr:row>2</xdr:row>
                    <xdr:rowOff>45720</xdr:rowOff>
                  </to>
                </anchor>
              </controlPr>
            </control>
          </mc:Choice>
        </mc:AlternateContent>
        <mc:AlternateContent xmlns:mc="http://schemas.openxmlformats.org/markup-compatibility/2006">
          <mc:Choice Requires="x14">
            <control shapeId="59394" r:id="rId5" name="Check Box 2">
              <controlPr defaultSize="0" autoFill="0" autoLine="0" autoPict="0">
                <anchor moveWithCells="1">
                  <from>
                    <xdr:col>10</xdr:col>
                    <xdr:colOff>121920</xdr:colOff>
                    <xdr:row>0</xdr:row>
                    <xdr:rowOff>236220</xdr:rowOff>
                  </from>
                  <to>
                    <xdr:col>11</xdr:col>
                    <xdr:colOff>220980</xdr:colOff>
                    <xdr:row>2</xdr:row>
                    <xdr:rowOff>30480</xdr:rowOff>
                  </to>
                </anchor>
              </controlPr>
            </control>
          </mc:Choice>
        </mc:AlternateContent>
        <mc:AlternateContent xmlns:mc="http://schemas.openxmlformats.org/markup-compatibility/2006">
          <mc:Choice Requires="x14">
            <control shapeId="59395" r:id="rId6" name="Check Box 3">
              <controlPr defaultSize="0" autoFill="0" autoLine="0" autoPict="0">
                <anchor moveWithCells="1">
                  <from>
                    <xdr:col>3</xdr:col>
                    <xdr:colOff>548640</xdr:colOff>
                    <xdr:row>5</xdr:row>
                    <xdr:rowOff>160020</xdr:rowOff>
                  </from>
                  <to>
                    <xdr:col>4</xdr:col>
                    <xdr:colOff>320040</xdr:colOff>
                    <xdr:row>7</xdr:row>
                    <xdr:rowOff>45720</xdr:rowOff>
                  </to>
                </anchor>
              </controlPr>
            </control>
          </mc:Choice>
        </mc:AlternateContent>
        <mc:AlternateContent xmlns:mc="http://schemas.openxmlformats.org/markup-compatibility/2006">
          <mc:Choice Requires="x14">
            <control shapeId="59396" r:id="rId7" name="Check Box 4">
              <controlPr defaultSize="0" autoFill="0" autoLine="0" autoPict="0">
                <anchor moveWithCells="1">
                  <from>
                    <xdr:col>4</xdr:col>
                    <xdr:colOff>388620</xdr:colOff>
                    <xdr:row>6</xdr:row>
                    <xdr:rowOff>0</xdr:rowOff>
                  </from>
                  <to>
                    <xdr:col>5</xdr:col>
                    <xdr:colOff>53340</xdr:colOff>
                    <xdr:row>7</xdr:row>
                    <xdr:rowOff>30480</xdr:rowOff>
                  </to>
                </anchor>
              </controlPr>
            </control>
          </mc:Choice>
        </mc:AlternateContent>
        <mc:AlternateContent xmlns:mc="http://schemas.openxmlformats.org/markup-compatibility/2006">
          <mc:Choice Requires="x14">
            <control shapeId="59397" r:id="rId8" name="Check Box 5">
              <controlPr defaultSize="0" autoFill="0" autoLine="0" autoPict="0">
                <anchor moveWithCells="1">
                  <from>
                    <xdr:col>3</xdr:col>
                    <xdr:colOff>541020</xdr:colOff>
                    <xdr:row>6</xdr:row>
                    <xdr:rowOff>182880</xdr:rowOff>
                  </from>
                  <to>
                    <xdr:col>4</xdr:col>
                    <xdr:colOff>312420</xdr:colOff>
                    <xdr:row>8</xdr:row>
                    <xdr:rowOff>53340</xdr:rowOff>
                  </to>
                </anchor>
              </controlPr>
            </control>
          </mc:Choice>
        </mc:AlternateContent>
        <mc:AlternateContent xmlns:mc="http://schemas.openxmlformats.org/markup-compatibility/2006">
          <mc:Choice Requires="x14">
            <control shapeId="59398" r:id="rId9" name="Check Box 6">
              <controlPr defaultSize="0" autoFill="0" autoLine="0" autoPict="0">
                <anchor moveWithCells="1">
                  <from>
                    <xdr:col>4</xdr:col>
                    <xdr:colOff>381000</xdr:colOff>
                    <xdr:row>7</xdr:row>
                    <xdr:rowOff>7620</xdr:rowOff>
                  </from>
                  <to>
                    <xdr:col>5</xdr:col>
                    <xdr:colOff>45720</xdr:colOff>
                    <xdr:row>8</xdr:row>
                    <xdr:rowOff>38100</xdr:rowOff>
                  </to>
                </anchor>
              </controlPr>
            </control>
          </mc:Choice>
        </mc:AlternateContent>
      </controls>
    </mc:Choice>
  </mc:AlternateConten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dimension ref="A1:G47"/>
  <sheetViews>
    <sheetView view="pageBreakPreview" zoomScaleNormal="100" zoomScaleSheetLayoutView="100" workbookViewId="0"/>
  </sheetViews>
  <sheetFormatPr defaultRowHeight="10.8"/>
  <cols>
    <col min="1" max="1" width="2.33203125" style="354" customWidth="1"/>
    <col min="2" max="2" width="11.109375" style="354" customWidth="1"/>
    <col min="3" max="3" width="9" style="354" customWidth="1"/>
    <col min="4" max="4" width="5.6640625" style="354" customWidth="1"/>
    <col min="5" max="5" width="30.6640625" style="354" customWidth="1"/>
    <col min="6" max="6" width="9" style="354" customWidth="1"/>
    <col min="7" max="7" width="11.44140625" style="354" customWidth="1"/>
    <col min="8" max="256" width="9" style="354"/>
    <col min="257" max="257" width="2.33203125" style="354" customWidth="1"/>
    <col min="258" max="258" width="11.109375" style="354" customWidth="1"/>
    <col min="259" max="259" width="9" style="354" customWidth="1"/>
    <col min="260" max="260" width="5.6640625" style="354" customWidth="1"/>
    <col min="261" max="261" width="30.6640625" style="354" customWidth="1"/>
    <col min="262" max="262" width="9" style="354" customWidth="1"/>
    <col min="263" max="263" width="11.44140625" style="354" customWidth="1"/>
    <col min="264" max="512" width="9" style="354"/>
    <col min="513" max="513" width="2.33203125" style="354" customWidth="1"/>
    <col min="514" max="514" width="11.109375" style="354" customWidth="1"/>
    <col min="515" max="515" width="9" style="354" customWidth="1"/>
    <col min="516" max="516" width="5.6640625" style="354" customWidth="1"/>
    <col min="517" max="517" width="30.6640625" style="354" customWidth="1"/>
    <col min="518" max="518" width="9" style="354" customWidth="1"/>
    <col min="519" max="519" width="11.44140625" style="354" customWidth="1"/>
    <col min="520" max="768" width="9" style="354"/>
    <col min="769" max="769" width="2.33203125" style="354" customWidth="1"/>
    <col min="770" max="770" width="11.109375" style="354" customWidth="1"/>
    <col min="771" max="771" width="9" style="354" customWidth="1"/>
    <col min="772" max="772" width="5.6640625" style="354" customWidth="1"/>
    <col min="773" max="773" width="30.6640625" style="354" customWidth="1"/>
    <col min="774" max="774" width="9" style="354" customWidth="1"/>
    <col min="775" max="775" width="11.44140625" style="354" customWidth="1"/>
    <col min="776" max="1024" width="9" style="354"/>
    <col min="1025" max="1025" width="2.33203125" style="354" customWidth="1"/>
    <col min="1026" max="1026" width="11.109375" style="354" customWidth="1"/>
    <col min="1027" max="1027" width="9" style="354" customWidth="1"/>
    <col min="1028" max="1028" width="5.6640625" style="354" customWidth="1"/>
    <col min="1029" max="1029" width="30.6640625" style="354" customWidth="1"/>
    <col min="1030" max="1030" width="9" style="354" customWidth="1"/>
    <col min="1031" max="1031" width="11.44140625" style="354" customWidth="1"/>
    <col min="1032" max="1280" width="9" style="354"/>
    <col min="1281" max="1281" width="2.33203125" style="354" customWidth="1"/>
    <col min="1282" max="1282" width="11.109375" style="354" customWidth="1"/>
    <col min="1283" max="1283" width="9" style="354" customWidth="1"/>
    <col min="1284" max="1284" width="5.6640625" style="354" customWidth="1"/>
    <col min="1285" max="1285" width="30.6640625" style="354" customWidth="1"/>
    <col min="1286" max="1286" width="9" style="354" customWidth="1"/>
    <col min="1287" max="1287" width="11.44140625" style="354" customWidth="1"/>
    <col min="1288" max="1536" width="9" style="354"/>
    <col min="1537" max="1537" width="2.33203125" style="354" customWidth="1"/>
    <col min="1538" max="1538" width="11.109375" style="354" customWidth="1"/>
    <col min="1539" max="1539" width="9" style="354" customWidth="1"/>
    <col min="1540" max="1540" width="5.6640625" style="354" customWidth="1"/>
    <col min="1541" max="1541" width="30.6640625" style="354" customWidth="1"/>
    <col min="1542" max="1542" width="9" style="354" customWidth="1"/>
    <col min="1543" max="1543" width="11.44140625" style="354" customWidth="1"/>
    <col min="1544" max="1792" width="9" style="354"/>
    <col min="1793" max="1793" width="2.33203125" style="354" customWidth="1"/>
    <col min="1794" max="1794" width="11.109375" style="354" customWidth="1"/>
    <col min="1795" max="1795" width="9" style="354" customWidth="1"/>
    <col min="1796" max="1796" width="5.6640625" style="354" customWidth="1"/>
    <col min="1797" max="1797" width="30.6640625" style="354" customWidth="1"/>
    <col min="1798" max="1798" width="9" style="354" customWidth="1"/>
    <col min="1799" max="1799" width="11.44140625" style="354" customWidth="1"/>
    <col min="1800" max="2048" width="9" style="354"/>
    <col min="2049" max="2049" width="2.33203125" style="354" customWidth="1"/>
    <col min="2050" max="2050" width="11.109375" style="354" customWidth="1"/>
    <col min="2051" max="2051" width="9" style="354" customWidth="1"/>
    <col min="2052" max="2052" width="5.6640625" style="354" customWidth="1"/>
    <col min="2053" max="2053" width="30.6640625" style="354" customWidth="1"/>
    <col min="2054" max="2054" width="9" style="354" customWidth="1"/>
    <col min="2055" max="2055" width="11.44140625" style="354" customWidth="1"/>
    <col min="2056" max="2304" width="9" style="354"/>
    <col min="2305" max="2305" width="2.33203125" style="354" customWidth="1"/>
    <col min="2306" max="2306" width="11.109375" style="354" customWidth="1"/>
    <col min="2307" max="2307" width="9" style="354" customWidth="1"/>
    <col min="2308" max="2308" width="5.6640625" style="354" customWidth="1"/>
    <col min="2309" max="2309" width="30.6640625" style="354" customWidth="1"/>
    <col min="2310" max="2310" width="9" style="354" customWidth="1"/>
    <col min="2311" max="2311" width="11.44140625" style="354" customWidth="1"/>
    <col min="2312" max="2560" width="9" style="354"/>
    <col min="2561" max="2561" width="2.33203125" style="354" customWidth="1"/>
    <col min="2562" max="2562" width="11.109375" style="354" customWidth="1"/>
    <col min="2563" max="2563" width="9" style="354" customWidth="1"/>
    <col min="2564" max="2564" width="5.6640625" style="354" customWidth="1"/>
    <col min="2565" max="2565" width="30.6640625" style="354" customWidth="1"/>
    <col min="2566" max="2566" width="9" style="354" customWidth="1"/>
    <col min="2567" max="2567" width="11.44140625" style="354" customWidth="1"/>
    <col min="2568" max="2816" width="9" style="354"/>
    <col min="2817" max="2817" width="2.33203125" style="354" customWidth="1"/>
    <col min="2818" max="2818" width="11.109375" style="354" customWidth="1"/>
    <col min="2819" max="2819" width="9" style="354" customWidth="1"/>
    <col min="2820" max="2820" width="5.6640625" style="354" customWidth="1"/>
    <col min="2821" max="2821" width="30.6640625" style="354" customWidth="1"/>
    <col min="2822" max="2822" width="9" style="354" customWidth="1"/>
    <col min="2823" max="2823" width="11.44140625" style="354" customWidth="1"/>
    <col min="2824" max="3072" width="9" style="354"/>
    <col min="3073" max="3073" width="2.33203125" style="354" customWidth="1"/>
    <col min="3074" max="3074" width="11.109375" style="354" customWidth="1"/>
    <col min="3075" max="3075" width="9" style="354" customWidth="1"/>
    <col min="3076" max="3076" width="5.6640625" style="354" customWidth="1"/>
    <col min="3077" max="3077" width="30.6640625" style="354" customWidth="1"/>
    <col min="3078" max="3078" width="9" style="354" customWidth="1"/>
    <col min="3079" max="3079" width="11.44140625" style="354" customWidth="1"/>
    <col min="3080" max="3328" width="9" style="354"/>
    <col min="3329" max="3329" width="2.33203125" style="354" customWidth="1"/>
    <col min="3330" max="3330" width="11.109375" style="354" customWidth="1"/>
    <col min="3331" max="3331" width="9" style="354" customWidth="1"/>
    <col min="3332" max="3332" width="5.6640625" style="354" customWidth="1"/>
    <col min="3333" max="3333" width="30.6640625" style="354" customWidth="1"/>
    <col min="3334" max="3334" width="9" style="354" customWidth="1"/>
    <col min="3335" max="3335" width="11.44140625" style="354" customWidth="1"/>
    <col min="3336" max="3584" width="9" style="354"/>
    <col min="3585" max="3585" width="2.33203125" style="354" customWidth="1"/>
    <col min="3586" max="3586" width="11.109375" style="354" customWidth="1"/>
    <col min="3587" max="3587" width="9" style="354" customWidth="1"/>
    <col min="3588" max="3588" width="5.6640625" style="354" customWidth="1"/>
    <col min="3589" max="3589" width="30.6640625" style="354" customWidth="1"/>
    <col min="3590" max="3590" width="9" style="354" customWidth="1"/>
    <col min="3591" max="3591" width="11.44140625" style="354" customWidth="1"/>
    <col min="3592" max="3840" width="9" style="354"/>
    <col min="3841" max="3841" width="2.33203125" style="354" customWidth="1"/>
    <col min="3842" max="3842" width="11.109375" style="354" customWidth="1"/>
    <col min="3843" max="3843" width="9" style="354" customWidth="1"/>
    <col min="3844" max="3844" width="5.6640625" style="354" customWidth="1"/>
    <col min="3845" max="3845" width="30.6640625" style="354" customWidth="1"/>
    <col min="3846" max="3846" width="9" style="354" customWidth="1"/>
    <col min="3847" max="3847" width="11.44140625" style="354" customWidth="1"/>
    <col min="3848" max="4096" width="9" style="354"/>
    <col min="4097" max="4097" width="2.33203125" style="354" customWidth="1"/>
    <col min="4098" max="4098" width="11.109375" style="354" customWidth="1"/>
    <col min="4099" max="4099" width="9" style="354" customWidth="1"/>
    <col min="4100" max="4100" width="5.6640625" style="354" customWidth="1"/>
    <col min="4101" max="4101" width="30.6640625" style="354" customWidth="1"/>
    <col min="4102" max="4102" width="9" style="354" customWidth="1"/>
    <col min="4103" max="4103" width="11.44140625" style="354" customWidth="1"/>
    <col min="4104" max="4352" width="9" style="354"/>
    <col min="4353" max="4353" width="2.33203125" style="354" customWidth="1"/>
    <col min="4354" max="4354" width="11.109375" style="354" customWidth="1"/>
    <col min="4355" max="4355" width="9" style="354" customWidth="1"/>
    <col min="4356" max="4356" width="5.6640625" style="354" customWidth="1"/>
    <col min="4357" max="4357" width="30.6640625" style="354" customWidth="1"/>
    <col min="4358" max="4358" width="9" style="354" customWidth="1"/>
    <col min="4359" max="4359" width="11.44140625" style="354" customWidth="1"/>
    <col min="4360" max="4608" width="9" style="354"/>
    <col min="4609" max="4609" width="2.33203125" style="354" customWidth="1"/>
    <col min="4610" max="4610" width="11.109375" style="354" customWidth="1"/>
    <col min="4611" max="4611" width="9" style="354" customWidth="1"/>
    <col min="4612" max="4612" width="5.6640625" style="354" customWidth="1"/>
    <col min="4613" max="4613" width="30.6640625" style="354" customWidth="1"/>
    <col min="4614" max="4614" width="9" style="354" customWidth="1"/>
    <col min="4615" max="4615" width="11.44140625" style="354" customWidth="1"/>
    <col min="4616" max="4864" width="9" style="354"/>
    <col min="4865" max="4865" width="2.33203125" style="354" customWidth="1"/>
    <col min="4866" max="4866" width="11.109375" style="354" customWidth="1"/>
    <col min="4867" max="4867" width="9" style="354" customWidth="1"/>
    <col min="4868" max="4868" width="5.6640625" style="354" customWidth="1"/>
    <col min="4869" max="4869" width="30.6640625" style="354" customWidth="1"/>
    <col min="4870" max="4870" width="9" style="354" customWidth="1"/>
    <col min="4871" max="4871" width="11.44140625" style="354" customWidth="1"/>
    <col min="4872" max="5120" width="9" style="354"/>
    <col min="5121" max="5121" width="2.33203125" style="354" customWidth="1"/>
    <col min="5122" max="5122" width="11.109375" style="354" customWidth="1"/>
    <col min="5123" max="5123" width="9" style="354" customWidth="1"/>
    <col min="5124" max="5124" width="5.6640625" style="354" customWidth="1"/>
    <col min="5125" max="5125" width="30.6640625" style="354" customWidth="1"/>
    <col min="5126" max="5126" width="9" style="354" customWidth="1"/>
    <col min="5127" max="5127" width="11.44140625" style="354" customWidth="1"/>
    <col min="5128" max="5376" width="9" style="354"/>
    <col min="5377" max="5377" width="2.33203125" style="354" customWidth="1"/>
    <col min="5378" max="5378" width="11.109375" style="354" customWidth="1"/>
    <col min="5379" max="5379" width="9" style="354" customWidth="1"/>
    <col min="5380" max="5380" width="5.6640625" style="354" customWidth="1"/>
    <col min="5381" max="5381" width="30.6640625" style="354" customWidth="1"/>
    <col min="5382" max="5382" width="9" style="354" customWidth="1"/>
    <col min="5383" max="5383" width="11.44140625" style="354" customWidth="1"/>
    <col min="5384" max="5632" width="9" style="354"/>
    <col min="5633" max="5633" width="2.33203125" style="354" customWidth="1"/>
    <col min="5634" max="5634" width="11.109375" style="354" customWidth="1"/>
    <col min="5635" max="5635" width="9" style="354" customWidth="1"/>
    <col min="5636" max="5636" width="5.6640625" style="354" customWidth="1"/>
    <col min="5637" max="5637" width="30.6640625" style="354" customWidth="1"/>
    <col min="5638" max="5638" width="9" style="354" customWidth="1"/>
    <col min="5639" max="5639" width="11.44140625" style="354" customWidth="1"/>
    <col min="5640" max="5888" width="9" style="354"/>
    <col min="5889" max="5889" width="2.33203125" style="354" customWidth="1"/>
    <col min="5890" max="5890" width="11.109375" style="354" customWidth="1"/>
    <col min="5891" max="5891" width="9" style="354" customWidth="1"/>
    <col min="5892" max="5892" width="5.6640625" style="354" customWidth="1"/>
    <col min="5893" max="5893" width="30.6640625" style="354" customWidth="1"/>
    <col min="5894" max="5894" width="9" style="354" customWidth="1"/>
    <col min="5895" max="5895" width="11.44140625" style="354" customWidth="1"/>
    <col min="5896" max="6144" width="9" style="354"/>
    <col min="6145" max="6145" width="2.33203125" style="354" customWidth="1"/>
    <col min="6146" max="6146" width="11.109375" style="354" customWidth="1"/>
    <col min="6147" max="6147" width="9" style="354" customWidth="1"/>
    <col min="6148" max="6148" width="5.6640625" style="354" customWidth="1"/>
    <col min="6149" max="6149" width="30.6640625" style="354" customWidth="1"/>
    <col min="6150" max="6150" width="9" style="354" customWidth="1"/>
    <col min="6151" max="6151" width="11.44140625" style="354" customWidth="1"/>
    <col min="6152" max="6400" width="9" style="354"/>
    <col min="6401" max="6401" width="2.33203125" style="354" customWidth="1"/>
    <col min="6402" max="6402" width="11.109375" style="354" customWidth="1"/>
    <col min="6403" max="6403" width="9" style="354" customWidth="1"/>
    <col min="6404" max="6404" width="5.6640625" style="354" customWidth="1"/>
    <col min="6405" max="6405" width="30.6640625" style="354" customWidth="1"/>
    <col min="6406" max="6406" width="9" style="354" customWidth="1"/>
    <col min="6407" max="6407" width="11.44140625" style="354" customWidth="1"/>
    <col min="6408" max="6656" width="9" style="354"/>
    <col min="6657" max="6657" width="2.33203125" style="354" customWidth="1"/>
    <col min="6658" max="6658" width="11.109375" style="354" customWidth="1"/>
    <col min="6659" max="6659" width="9" style="354" customWidth="1"/>
    <col min="6660" max="6660" width="5.6640625" style="354" customWidth="1"/>
    <col min="6661" max="6661" width="30.6640625" style="354" customWidth="1"/>
    <col min="6662" max="6662" width="9" style="354" customWidth="1"/>
    <col min="6663" max="6663" width="11.44140625" style="354" customWidth="1"/>
    <col min="6664" max="6912" width="9" style="354"/>
    <col min="6913" max="6913" width="2.33203125" style="354" customWidth="1"/>
    <col min="6914" max="6914" width="11.109375" style="354" customWidth="1"/>
    <col min="6915" max="6915" width="9" style="354" customWidth="1"/>
    <col min="6916" max="6916" width="5.6640625" style="354" customWidth="1"/>
    <col min="6917" max="6917" width="30.6640625" style="354" customWidth="1"/>
    <col min="6918" max="6918" width="9" style="354" customWidth="1"/>
    <col min="6919" max="6919" width="11.44140625" style="354" customWidth="1"/>
    <col min="6920" max="7168" width="9" style="354"/>
    <col min="7169" max="7169" width="2.33203125" style="354" customWidth="1"/>
    <col min="7170" max="7170" width="11.109375" style="354" customWidth="1"/>
    <col min="7171" max="7171" width="9" style="354" customWidth="1"/>
    <col min="7172" max="7172" width="5.6640625" style="354" customWidth="1"/>
    <col min="7173" max="7173" width="30.6640625" style="354" customWidth="1"/>
    <col min="7174" max="7174" width="9" style="354" customWidth="1"/>
    <col min="7175" max="7175" width="11.44140625" style="354" customWidth="1"/>
    <col min="7176" max="7424" width="9" style="354"/>
    <col min="7425" max="7425" width="2.33203125" style="354" customWidth="1"/>
    <col min="7426" max="7426" width="11.109375" style="354" customWidth="1"/>
    <col min="7427" max="7427" width="9" style="354" customWidth="1"/>
    <col min="7428" max="7428" width="5.6640625" style="354" customWidth="1"/>
    <col min="7429" max="7429" width="30.6640625" style="354" customWidth="1"/>
    <col min="7430" max="7430" width="9" style="354" customWidth="1"/>
    <col min="7431" max="7431" width="11.44140625" style="354" customWidth="1"/>
    <col min="7432" max="7680" width="9" style="354"/>
    <col min="7681" max="7681" width="2.33203125" style="354" customWidth="1"/>
    <col min="7682" max="7682" width="11.109375" style="354" customWidth="1"/>
    <col min="7683" max="7683" width="9" style="354" customWidth="1"/>
    <col min="7684" max="7684" width="5.6640625" style="354" customWidth="1"/>
    <col min="7685" max="7685" width="30.6640625" style="354" customWidth="1"/>
    <col min="7686" max="7686" width="9" style="354" customWidth="1"/>
    <col min="7687" max="7687" width="11.44140625" style="354" customWidth="1"/>
    <col min="7688" max="7936" width="9" style="354"/>
    <col min="7937" max="7937" width="2.33203125" style="354" customWidth="1"/>
    <col min="7938" max="7938" width="11.109375" style="354" customWidth="1"/>
    <col min="7939" max="7939" width="9" style="354" customWidth="1"/>
    <col min="7940" max="7940" width="5.6640625" style="354" customWidth="1"/>
    <col min="7941" max="7941" width="30.6640625" style="354" customWidth="1"/>
    <col min="7942" max="7942" width="9" style="354" customWidth="1"/>
    <col min="7943" max="7943" width="11.44140625" style="354" customWidth="1"/>
    <col min="7944" max="8192" width="9" style="354"/>
    <col min="8193" max="8193" width="2.33203125" style="354" customWidth="1"/>
    <col min="8194" max="8194" width="11.109375" style="354" customWidth="1"/>
    <col min="8195" max="8195" width="9" style="354" customWidth="1"/>
    <col min="8196" max="8196" width="5.6640625" style="354" customWidth="1"/>
    <col min="8197" max="8197" width="30.6640625" style="354" customWidth="1"/>
    <col min="8198" max="8198" width="9" style="354" customWidth="1"/>
    <col min="8199" max="8199" width="11.44140625" style="354" customWidth="1"/>
    <col min="8200" max="8448" width="9" style="354"/>
    <col min="8449" max="8449" width="2.33203125" style="354" customWidth="1"/>
    <col min="8450" max="8450" width="11.109375" style="354" customWidth="1"/>
    <col min="8451" max="8451" width="9" style="354" customWidth="1"/>
    <col min="8452" max="8452" width="5.6640625" style="354" customWidth="1"/>
    <col min="8453" max="8453" width="30.6640625" style="354" customWidth="1"/>
    <col min="8454" max="8454" width="9" style="354" customWidth="1"/>
    <col min="8455" max="8455" width="11.44140625" style="354" customWidth="1"/>
    <col min="8456" max="8704" width="9" style="354"/>
    <col min="8705" max="8705" width="2.33203125" style="354" customWidth="1"/>
    <col min="8706" max="8706" width="11.109375" style="354" customWidth="1"/>
    <col min="8707" max="8707" width="9" style="354" customWidth="1"/>
    <col min="8708" max="8708" width="5.6640625" style="354" customWidth="1"/>
    <col min="8709" max="8709" width="30.6640625" style="354" customWidth="1"/>
    <col min="8710" max="8710" width="9" style="354" customWidth="1"/>
    <col min="8711" max="8711" width="11.44140625" style="354" customWidth="1"/>
    <col min="8712" max="8960" width="9" style="354"/>
    <col min="8961" max="8961" width="2.33203125" style="354" customWidth="1"/>
    <col min="8962" max="8962" width="11.109375" style="354" customWidth="1"/>
    <col min="8963" max="8963" width="9" style="354" customWidth="1"/>
    <col min="8964" max="8964" width="5.6640625" style="354" customWidth="1"/>
    <col min="8965" max="8965" width="30.6640625" style="354" customWidth="1"/>
    <col min="8966" max="8966" width="9" style="354" customWidth="1"/>
    <col min="8967" max="8967" width="11.44140625" style="354" customWidth="1"/>
    <col min="8968" max="9216" width="9" style="354"/>
    <col min="9217" max="9217" width="2.33203125" style="354" customWidth="1"/>
    <col min="9218" max="9218" width="11.109375" style="354" customWidth="1"/>
    <col min="9219" max="9219" width="9" style="354" customWidth="1"/>
    <col min="9220" max="9220" width="5.6640625" style="354" customWidth="1"/>
    <col min="9221" max="9221" width="30.6640625" style="354" customWidth="1"/>
    <col min="9222" max="9222" width="9" style="354" customWidth="1"/>
    <col min="9223" max="9223" width="11.44140625" style="354" customWidth="1"/>
    <col min="9224" max="9472" width="9" style="354"/>
    <col min="9473" max="9473" width="2.33203125" style="354" customWidth="1"/>
    <col min="9474" max="9474" width="11.109375" style="354" customWidth="1"/>
    <col min="9475" max="9475" width="9" style="354" customWidth="1"/>
    <col min="9476" max="9476" width="5.6640625" style="354" customWidth="1"/>
    <col min="9477" max="9477" width="30.6640625" style="354" customWidth="1"/>
    <col min="9478" max="9478" width="9" style="354" customWidth="1"/>
    <col min="9479" max="9479" width="11.44140625" style="354" customWidth="1"/>
    <col min="9480" max="9728" width="9" style="354"/>
    <col min="9729" max="9729" width="2.33203125" style="354" customWidth="1"/>
    <col min="9730" max="9730" width="11.109375" style="354" customWidth="1"/>
    <col min="9731" max="9731" width="9" style="354" customWidth="1"/>
    <col min="9732" max="9732" width="5.6640625" style="354" customWidth="1"/>
    <col min="9733" max="9733" width="30.6640625" style="354" customWidth="1"/>
    <col min="9734" max="9734" width="9" style="354" customWidth="1"/>
    <col min="9735" max="9735" width="11.44140625" style="354" customWidth="1"/>
    <col min="9736" max="9984" width="9" style="354"/>
    <col min="9985" max="9985" width="2.33203125" style="354" customWidth="1"/>
    <col min="9986" max="9986" width="11.109375" style="354" customWidth="1"/>
    <col min="9987" max="9987" width="9" style="354" customWidth="1"/>
    <col min="9988" max="9988" width="5.6640625" style="354" customWidth="1"/>
    <col min="9989" max="9989" width="30.6640625" style="354" customWidth="1"/>
    <col min="9990" max="9990" width="9" style="354" customWidth="1"/>
    <col min="9991" max="9991" width="11.44140625" style="354" customWidth="1"/>
    <col min="9992" max="10240" width="9" style="354"/>
    <col min="10241" max="10241" width="2.33203125" style="354" customWidth="1"/>
    <col min="10242" max="10242" width="11.109375" style="354" customWidth="1"/>
    <col min="10243" max="10243" width="9" style="354" customWidth="1"/>
    <col min="10244" max="10244" width="5.6640625" style="354" customWidth="1"/>
    <col min="10245" max="10245" width="30.6640625" style="354" customWidth="1"/>
    <col min="10246" max="10246" width="9" style="354" customWidth="1"/>
    <col min="10247" max="10247" width="11.44140625" style="354" customWidth="1"/>
    <col min="10248" max="10496" width="9" style="354"/>
    <col min="10497" max="10497" width="2.33203125" style="354" customWidth="1"/>
    <col min="10498" max="10498" width="11.109375" style="354" customWidth="1"/>
    <col min="10499" max="10499" width="9" style="354" customWidth="1"/>
    <col min="10500" max="10500" width="5.6640625" style="354" customWidth="1"/>
    <col min="10501" max="10501" width="30.6640625" style="354" customWidth="1"/>
    <col min="10502" max="10502" width="9" style="354" customWidth="1"/>
    <col min="10503" max="10503" width="11.44140625" style="354" customWidth="1"/>
    <col min="10504" max="10752" width="9" style="354"/>
    <col min="10753" max="10753" width="2.33203125" style="354" customWidth="1"/>
    <col min="10754" max="10754" width="11.109375" style="354" customWidth="1"/>
    <col min="10755" max="10755" width="9" style="354" customWidth="1"/>
    <col min="10756" max="10756" width="5.6640625" style="354" customWidth="1"/>
    <col min="10757" max="10757" width="30.6640625" style="354" customWidth="1"/>
    <col min="10758" max="10758" width="9" style="354" customWidth="1"/>
    <col min="10759" max="10759" width="11.44140625" style="354" customWidth="1"/>
    <col min="10760" max="11008" width="9" style="354"/>
    <col min="11009" max="11009" width="2.33203125" style="354" customWidth="1"/>
    <col min="11010" max="11010" width="11.109375" style="354" customWidth="1"/>
    <col min="11011" max="11011" width="9" style="354" customWidth="1"/>
    <col min="11012" max="11012" width="5.6640625" style="354" customWidth="1"/>
    <col min="11013" max="11013" width="30.6640625" style="354" customWidth="1"/>
    <col min="11014" max="11014" width="9" style="354" customWidth="1"/>
    <col min="11015" max="11015" width="11.44140625" style="354" customWidth="1"/>
    <col min="11016" max="11264" width="9" style="354"/>
    <col min="11265" max="11265" width="2.33203125" style="354" customWidth="1"/>
    <col min="11266" max="11266" width="11.109375" style="354" customWidth="1"/>
    <col min="11267" max="11267" width="9" style="354" customWidth="1"/>
    <col min="11268" max="11268" width="5.6640625" style="354" customWidth="1"/>
    <col min="11269" max="11269" width="30.6640625" style="354" customWidth="1"/>
    <col min="11270" max="11270" width="9" style="354" customWidth="1"/>
    <col min="11271" max="11271" width="11.44140625" style="354" customWidth="1"/>
    <col min="11272" max="11520" width="9" style="354"/>
    <col min="11521" max="11521" width="2.33203125" style="354" customWidth="1"/>
    <col min="11522" max="11522" width="11.109375" style="354" customWidth="1"/>
    <col min="11523" max="11523" width="9" style="354" customWidth="1"/>
    <col min="11524" max="11524" width="5.6640625" style="354" customWidth="1"/>
    <col min="11525" max="11525" width="30.6640625" style="354" customWidth="1"/>
    <col min="11526" max="11526" width="9" style="354" customWidth="1"/>
    <col min="11527" max="11527" width="11.44140625" style="354" customWidth="1"/>
    <col min="11528" max="11776" width="9" style="354"/>
    <col min="11777" max="11777" width="2.33203125" style="354" customWidth="1"/>
    <col min="11778" max="11778" width="11.109375" style="354" customWidth="1"/>
    <col min="11779" max="11779" width="9" style="354" customWidth="1"/>
    <col min="11780" max="11780" width="5.6640625" style="354" customWidth="1"/>
    <col min="11781" max="11781" width="30.6640625" style="354" customWidth="1"/>
    <col min="11782" max="11782" width="9" style="354" customWidth="1"/>
    <col min="11783" max="11783" width="11.44140625" style="354" customWidth="1"/>
    <col min="11784" max="12032" width="9" style="354"/>
    <col min="12033" max="12033" width="2.33203125" style="354" customWidth="1"/>
    <col min="12034" max="12034" width="11.109375" style="354" customWidth="1"/>
    <col min="12035" max="12035" width="9" style="354" customWidth="1"/>
    <col min="12036" max="12036" width="5.6640625" style="354" customWidth="1"/>
    <col min="12037" max="12037" width="30.6640625" style="354" customWidth="1"/>
    <col min="12038" max="12038" width="9" style="354" customWidth="1"/>
    <col min="12039" max="12039" width="11.44140625" style="354" customWidth="1"/>
    <col min="12040" max="12288" width="9" style="354"/>
    <col min="12289" max="12289" width="2.33203125" style="354" customWidth="1"/>
    <col min="12290" max="12290" width="11.109375" style="354" customWidth="1"/>
    <col min="12291" max="12291" width="9" style="354" customWidth="1"/>
    <col min="12292" max="12292" width="5.6640625" style="354" customWidth="1"/>
    <col min="12293" max="12293" width="30.6640625" style="354" customWidth="1"/>
    <col min="12294" max="12294" width="9" style="354" customWidth="1"/>
    <col min="12295" max="12295" width="11.44140625" style="354" customWidth="1"/>
    <col min="12296" max="12544" width="9" style="354"/>
    <col min="12545" max="12545" width="2.33203125" style="354" customWidth="1"/>
    <col min="12546" max="12546" width="11.109375" style="354" customWidth="1"/>
    <col min="12547" max="12547" width="9" style="354" customWidth="1"/>
    <col min="12548" max="12548" width="5.6640625" style="354" customWidth="1"/>
    <col min="12549" max="12549" width="30.6640625" style="354" customWidth="1"/>
    <col min="12550" max="12550" width="9" style="354" customWidth="1"/>
    <col min="12551" max="12551" width="11.44140625" style="354" customWidth="1"/>
    <col min="12552" max="12800" width="9" style="354"/>
    <col min="12801" max="12801" width="2.33203125" style="354" customWidth="1"/>
    <col min="12802" max="12802" width="11.109375" style="354" customWidth="1"/>
    <col min="12803" max="12803" width="9" style="354" customWidth="1"/>
    <col min="12804" max="12804" width="5.6640625" style="354" customWidth="1"/>
    <col min="12805" max="12805" width="30.6640625" style="354" customWidth="1"/>
    <col min="12806" max="12806" width="9" style="354" customWidth="1"/>
    <col min="12807" max="12807" width="11.44140625" style="354" customWidth="1"/>
    <col min="12808" max="13056" width="9" style="354"/>
    <col min="13057" max="13057" width="2.33203125" style="354" customWidth="1"/>
    <col min="13058" max="13058" width="11.109375" style="354" customWidth="1"/>
    <col min="13059" max="13059" width="9" style="354" customWidth="1"/>
    <col min="13060" max="13060" width="5.6640625" style="354" customWidth="1"/>
    <col min="13061" max="13061" width="30.6640625" style="354" customWidth="1"/>
    <col min="13062" max="13062" width="9" style="354" customWidth="1"/>
    <col min="13063" max="13063" width="11.44140625" style="354" customWidth="1"/>
    <col min="13064" max="13312" width="9" style="354"/>
    <col min="13313" max="13313" width="2.33203125" style="354" customWidth="1"/>
    <col min="13314" max="13314" width="11.109375" style="354" customWidth="1"/>
    <col min="13315" max="13315" width="9" style="354" customWidth="1"/>
    <col min="13316" max="13316" width="5.6640625" style="354" customWidth="1"/>
    <col min="13317" max="13317" width="30.6640625" style="354" customWidth="1"/>
    <col min="13318" max="13318" width="9" style="354" customWidth="1"/>
    <col min="13319" max="13319" width="11.44140625" style="354" customWidth="1"/>
    <col min="13320" max="13568" width="9" style="354"/>
    <col min="13569" max="13569" width="2.33203125" style="354" customWidth="1"/>
    <col min="13570" max="13570" width="11.109375" style="354" customWidth="1"/>
    <col min="13571" max="13571" width="9" style="354" customWidth="1"/>
    <col min="13572" max="13572" width="5.6640625" style="354" customWidth="1"/>
    <col min="13573" max="13573" width="30.6640625" style="354" customWidth="1"/>
    <col min="13574" max="13574" width="9" style="354" customWidth="1"/>
    <col min="13575" max="13575" width="11.44140625" style="354" customWidth="1"/>
    <col min="13576" max="13824" width="9" style="354"/>
    <col min="13825" max="13825" width="2.33203125" style="354" customWidth="1"/>
    <col min="13826" max="13826" width="11.109375" style="354" customWidth="1"/>
    <col min="13827" max="13827" width="9" style="354" customWidth="1"/>
    <col min="13828" max="13828" width="5.6640625" style="354" customWidth="1"/>
    <col min="13829" max="13829" width="30.6640625" style="354" customWidth="1"/>
    <col min="13830" max="13830" width="9" style="354" customWidth="1"/>
    <col min="13831" max="13831" width="11.44140625" style="354" customWidth="1"/>
    <col min="13832" max="14080" width="9" style="354"/>
    <col min="14081" max="14081" width="2.33203125" style="354" customWidth="1"/>
    <col min="14082" max="14082" width="11.109375" style="354" customWidth="1"/>
    <col min="14083" max="14083" width="9" style="354" customWidth="1"/>
    <col min="14084" max="14084" width="5.6640625" style="354" customWidth="1"/>
    <col min="14085" max="14085" width="30.6640625" style="354" customWidth="1"/>
    <col min="14086" max="14086" width="9" style="354" customWidth="1"/>
    <col min="14087" max="14087" width="11.44140625" style="354" customWidth="1"/>
    <col min="14088" max="14336" width="9" style="354"/>
    <col min="14337" max="14337" width="2.33203125" style="354" customWidth="1"/>
    <col min="14338" max="14338" width="11.109375" style="354" customWidth="1"/>
    <col min="14339" max="14339" width="9" style="354" customWidth="1"/>
    <col min="14340" max="14340" width="5.6640625" style="354" customWidth="1"/>
    <col min="14341" max="14341" width="30.6640625" style="354" customWidth="1"/>
    <col min="14342" max="14342" width="9" style="354" customWidth="1"/>
    <col min="14343" max="14343" width="11.44140625" style="354" customWidth="1"/>
    <col min="14344" max="14592" width="9" style="354"/>
    <col min="14593" max="14593" width="2.33203125" style="354" customWidth="1"/>
    <col min="14594" max="14594" width="11.109375" style="354" customWidth="1"/>
    <col min="14595" max="14595" width="9" style="354" customWidth="1"/>
    <col min="14596" max="14596" width="5.6640625" style="354" customWidth="1"/>
    <col min="14597" max="14597" width="30.6640625" style="354" customWidth="1"/>
    <col min="14598" max="14598" width="9" style="354" customWidth="1"/>
    <col min="14599" max="14599" width="11.44140625" style="354" customWidth="1"/>
    <col min="14600" max="14848" width="9" style="354"/>
    <col min="14849" max="14849" width="2.33203125" style="354" customWidth="1"/>
    <col min="14850" max="14850" width="11.109375" style="354" customWidth="1"/>
    <col min="14851" max="14851" width="9" style="354" customWidth="1"/>
    <col min="14852" max="14852" width="5.6640625" style="354" customWidth="1"/>
    <col min="14853" max="14853" width="30.6640625" style="354" customWidth="1"/>
    <col min="14854" max="14854" width="9" style="354" customWidth="1"/>
    <col min="14855" max="14855" width="11.44140625" style="354" customWidth="1"/>
    <col min="14856" max="15104" width="9" style="354"/>
    <col min="15105" max="15105" width="2.33203125" style="354" customWidth="1"/>
    <col min="15106" max="15106" width="11.109375" style="354" customWidth="1"/>
    <col min="15107" max="15107" width="9" style="354" customWidth="1"/>
    <col min="15108" max="15108" width="5.6640625" style="354" customWidth="1"/>
    <col min="15109" max="15109" width="30.6640625" style="354" customWidth="1"/>
    <col min="15110" max="15110" width="9" style="354" customWidth="1"/>
    <col min="15111" max="15111" width="11.44140625" style="354" customWidth="1"/>
    <col min="15112" max="15360" width="9" style="354"/>
    <col min="15361" max="15361" width="2.33203125" style="354" customWidth="1"/>
    <col min="15362" max="15362" width="11.109375" style="354" customWidth="1"/>
    <col min="15363" max="15363" width="9" style="354" customWidth="1"/>
    <col min="15364" max="15364" width="5.6640625" style="354" customWidth="1"/>
    <col min="15365" max="15365" width="30.6640625" style="354" customWidth="1"/>
    <col min="15366" max="15366" width="9" style="354" customWidth="1"/>
    <col min="15367" max="15367" width="11.44140625" style="354" customWidth="1"/>
    <col min="15368" max="15616" width="9" style="354"/>
    <col min="15617" max="15617" width="2.33203125" style="354" customWidth="1"/>
    <col min="15618" max="15618" width="11.109375" style="354" customWidth="1"/>
    <col min="15619" max="15619" width="9" style="354" customWidth="1"/>
    <col min="15620" max="15620" width="5.6640625" style="354" customWidth="1"/>
    <col min="15621" max="15621" width="30.6640625" style="354" customWidth="1"/>
    <col min="15622" max="15622" width="9" style="354" customWidth="1"/>
    <col min="15623" max="15623" width="11.44140625" style="354" customWidth="1"/>
    <col min="15624" max="15872" width="9" style="354"/>
    <col min="15873" max="15873" width="2.33203125" style="354" customWidth="1"/>
    <col min="15874" max="15874" width="11.109375" style="354" customWidth="1"/>
    <col min="15875" max="15875" width="9" style="354" customWidth="1"/>
    <col min="15876" max="15876" width="5.6640625" style="354" customWidth="1"/>
    <col min="15877" max="15877" width="30.6640625" style="354" customWidth="1"/>
    <col min="15878" max="15878" width="9" style="354" customWidth="1"/>
    <col min="15879" max="15879" width="11.44140625" style="354" customWidth="1"/>
    <col min="15880" max="16128" width="9" style="354"/>
    <col min="16129" max="16129" width="2.33203125" style="354" customWidth="1"/>
    <col min="16130" max="16130" width="11.109375" style="354" customWidth="1"/>
    <col min="16131" max="16131" width="9" style="354" customWidth="1"/>
    <col min="16132" max="16132" width="5.6640625" style="354" customWidth="1"/>
    <col min="16133" max="16133" width="30.6640625" style="354" customWidth="1"/>
    <col min="16134" max="16134" width="9" style="354" customWidth="1"/>
    <col min="16135" max="16135" width="11.44140625" style="354" customWidth="1"/>
    <col min="16136" max="16384" width="9" style="354"/>
  </cols>
  <sheetData>
    <row r="1" spans="1:7" ht="12">
      <c r="A1" s="77"/>
      <c r="B1" s="77"/>
      <c r="C1" s="77"/>
      <c r="D1" s="77"/>
      <c r="E1" s="77"/>
      <c r="F1" s="77"/>
      <c r="G1" s="77"/>
    </row>
    <row r="2" spans="1:7" ht="10.5" customHeight="1">
      <c r="A2" s="77"/>
      <c r="B2" s="77"/>
      <c r="C2" s="77"/>
      <c r="D2" s="77"/>
      <c r="E2" s="77"/>
      <c r="F2" s="77"/>
      <c r="G2" s="77"/>
    </row>
    <row r="3" spans="1:7" ht="12.6" thickBot="1">
      <c r="A3" s="387"/>
      <c r="B3" s="77" t="s">
        <v>553</v>
      </c>
      <c r="C3" s="77"/>
      <c r="D3" s="77"/>
      <c r="E3" s="77"/>
      <c r="F3" s="77"/>
      <c r="G3" s="77"/>
    </row>
    <row r="4" spans="1:7" ht="21" customHeight="1">
      <c r="A4" s="77"/>
      <c r="B4" s="1005" t="s">
        <v>554</v>
      </c>
      <c r="C4" s="1006"/>
      <c r="D4" s="1006"/>
      <c r="E4" s="1006"/>
      <c r="F4" s="1006"/>
      <c r="G4" s="1007"/>
    </row>
    <row r="5" spans="1:7" ht="21" customHeight="1">
      <c r="A5" s="77"/>
      <c r="B5" s="118"/>
      <c r="C5" s="78"/>
      <c r="D5" s="78"/>
      <c r="E5" s="78"/>
      <c r="F5" s="78"/>
      <c r="G5" s="125"/>
    </row>
    <row r="6" spans="1:7" ht="21" customHeight="1">
      <c r="A6" s="77"/>
      <c r="B6" s="118"/>
      <c r="C6" s="78"/>
      <c r="D6" s="78"/>
      <c r="E6" s="78"/>
      <c r="F6" s="78"/>
      <c r="G6" s="125"/>
    </row>
    <row r="7" spans="1:7" ht="21" customHeight="1" thickBot="1">
      <c r="A7" s="77"/>
      <c r="B7" s="108"/>
      <c r="C7" s="109"/>
      <c r="D7" s="109"/>
      <c r="E7" s="109"/>
      <c r="F7" s="109"/>
      <c r="G7" s="113"/>
    </row>
    <row r="8" spans="1:7" ht="12">
      <c r="A8" s="77"/>
      <c r="B8" s="77"/>
      <c r="C8" s="77"/>
      <c r="D8" s="77"/>
      <c r="E8" s="77"/>
      <c r="F8" s="77"/>
      <c r="G8" s="77"/>
    </row>
    <row r="9" spans="1:7" ht="19.5" customHeight="1" thickBot="1">
      <c r="A9" s="387"/>
      <c r="B9" s="77" t="s">
        <v>555</v>
      </c>
      <c r="C9" s="77"/>
      <c r="D9" s="77"/>
      <c r="E9" s="77"/>
      <c r="F9" s="77"/>
      <c r="G9" s="77"/>
    </row>
    <row r="10" spans="1:7" ht="18.75" customHeight="1">
      <c r="A10" s="77"/>
      <c r="B10" s="122" t="s">
        <v>556</v>
      </c>
      <c r="C10" s="123"/>
      <c r="D10" s="123"/>
      <c r="E10" s="123"/>
      <c r="F10" s="123"/>
      <c r="G10" s="124"/>
    </row>
    <row r="11" spans="1:7" ht="12">
      <c r="A11" s="77"/>
      <c r="B11" s="118"/>
      <c r="C11" s="78"/>
      <c r="D11" s="78"/>
      <c r="E11" s="78"/>
      <c r="F11" s="78"/>
      <c r="G11" s="125"/>
    </row>
    <row r="12" spans="1:7" ht="12">
      <c r="A12" s="77"/>
      <c r="B12" s="118"/>
      <c r="C12" s="78"/>
      <c r="D12" s="78"/>
      <c r="E12" s="78"/>
      <c r="F12" s="78"/>
      <c r="G12" s="125"/>
    </row>
    <row r="13" spans="1:7" ht="12">
      <c r="A13" s="77"/>
      <c r="B13" s="118"/>
      <c r="C13" s="78"/>
      <c r="D13" s="78"/>
      <c r="E13" s="78"/>
      <c r="F13" s="78"/>
      <c r="G13" s="125"/>
    </row>
    <row r="14" spans="1:7" ht="12">
      <c r="A14" s="77"/>
      <c r="B14" s="118"/>
      <c r="C14" s="78"/>
      <c r="D14" s="78"/>
      <c r="E14" s="78"/>
      <c r="F14" s="78"/>
      <c r="G14" s="125"/>
    </row>
    <row r="15" spans="1:7" ht="12">
      <c r="A15" s="77"/>
      <c r="B15" s="118"/>
      <c r="C15" s="78"/>
      <c r="D15" s="78"/>
      <c r="E15" s="78"/>
      <c r="F15" s="78"/>
      <c r="G15" s="125"/>
    </row>
    <row r="16" spans="1:7" ht="12">
      <c r="A16" s="77"/>
      <c r="B16" s="118"/>
      <c r="C16" s="78"/>
      <c r="D16" s="78"/>
      <c r="E16" s="78"/>
      <c r="F16" s="78"/>
      <c r="G16" s="125"/>
    </row>
    <row r="17" spans="1:7" ht="12.6" thickBot="1">
      <c r="A17" s="77"/>
      <c r="B17" s="108"/>
      <c r="C17" s="109"/>
      <c r="D17" s="109"/>
      <c r="E17" s="109"/>
      <c r="F17" s="109"/>
      <c r="G17" s="113"/>
    </row>
    <row r="18" spans="1:7" ht="12">
      <c r="A18" s="77"/>
      <c r="B18" s="77"/>
      <c r="C18" s="77"/>
      <c r="D18" s="77"/>
      <c r="E18" s="77"/>
      <c r="F18" s="77"/>
      <c r="G18" s="77"/>
    </row>
    <row r="19" spans="1:7" ht="12.75" customHeight="1">
      <c r="A19" s="77"/>
      <c r="B19" s="77" t="s">
        <v>557</v>
      </c>
      <c r="C19" s="77"/>
      <c r="D19" s="77"/>
      <c r="E19" s="77"/>
      <c r="F19" s="77"/>
      <c r="G19" s="77"/>
    </row>
    <row r="20" spans="1:7" ht="10.5" customHeight="1">
      <c r="A20" s="77"/>
      <c r="B20" s="77"/>
      <c r="C20" s="77"/>
      <c r="D20" s="77"/>
      <c r="E20" s="77"/>
      <c r="F20" s="77"/>
      <c r="G20" s="77"/>
    </row>
    <row r="21" spans="1:7" ht="16.5" customHeight="1" thickBot="1">
      <c r="A21" s="387"/>
      <c r="B21" s="77" t="s">
        <v>558</v>
      </c>
      <c r="C21" s="77"/>
      <c r="D21" s="77"/>
      <c r="E21" s="77"/>
      <c r="F21" s="77"/>
      <c r="G21" s="77"/>
    </row>
    <row r="22" spans="1:7" ht="18.75" customHeight="1">
      <c r="A22" s="77"/>
      <c r="B22" s="376" t="s">
        <v>533</v>
      </c>
      <c r="C22" s="921" t="s">
        <v>559</v>
      </c>
      <c r="D22" s="1678"/>
      <c r="E22" s="921" t="s">
        <v>560</v>
      </c>
      <c r="F22" s="1679"/>
      <c r="G22" s="1680"/>
    </row>
    <row r="23" spans="1:7" ht="18.75" customHeight="1">
      <c r="A23" s="77"/>
      <c r="B23" s="118"/>
      <c r="C23" s="119"/>
      <c r="D23" s="100"/>
      <c r="E23" s="78"/>
      <c r="F23" s="78"/>
      <c r="G23" s="125"/>
    </row>
    <row r="24" spans="1:7" ht="18.75" customHeight="1">
      <c r="A24" s="77"/>
      <c r="B24" s="118"/>
      <c r="C24" s="119"/>
      <c r="D24" s="100"/>
      <c r="E24" s="78"/>
      <c r="F24" s="78"/>
      <c r="G24" s="125"/>
    </row>
    <row r="25" spans="1:7" ht="18.75" customHeight="1">
      <c r="A25" s="77"/>
      <c r="B25" s="118"/>
      <c r="C25" s="119"/>
      <c r="D25" s="100"/>
      <c r="E25" s="78"/>
      <c r="F25" s="78"/>
      <c r="G25" s="125"/>
    </row>
    <row r="26" spans="1:7" ht="18.75" customHeight="1">
      <c r="A26" s="77"/>
      <c r="B26" s="118"/>
      <c r="C26" s="119"/>
      <c r="D26" s="100"/>
      <c r="E26" s="78"/>
      <c r="F26" s="78"/>
      <c r="G26" s="125"/>
    </row>
    <row r="27" spans="1:7" ht="18.75" customHeight="1">
      <c r="A27" s="77"/>
      <c r="B27" s="118"/>
      <c r="C27" s="119"/>
      <c r="D27" s="100"/>
      <c r="E27" s="78"/>
      <c r="F27" s="78"/>
      <c r="G27" s="125"/>
    </row>
    <row r="28" spans="1:7" ht="18.75" customHeight="1">
      <c r="A28" s="77"/>
      <c r="B28" s="118"/>
      <c r="C28" s="119"/>
      <c r="D28" s="100"/>
      <c r="E28" s="78"/>
      <c r="F28" s="78"/>
      <c r="G28" s="125"/>
    </row>
    <row r="29" spans="1:7" ht="18.75" customHeight="1" thickBot="1">
      <c r="A29" s="77"/>
      <c r="B29" s="108"/>
      <c r="C29" s="111"/>
      <c r="D29" s="112"/>
      <c r="E29" s="109"/>
      <c r="F29" s="109"/>
      <c r="G29" s="113"/>
    </row>
    <row r="30" spans="1:7" ht="12">
      <c r="A30" s="77"/>
      <c r="B30" s="77"/>
      <c r="C30" s="77"/>
      <c r="D30" s="77"/>
      <c r="E30" s="77"/>
      <c r="F30" s="77"/>
      <c r="G30" s="77"/>
    </row>
    <row r="31" spans="1:7" ht="12.6" thickBot="1">
      <c r="A31" s="387"/>
      <c r="B31" s="77" t="s">
        <v>561</v>
      </c>
      <c r="C31" s="77"/>
      <c r="D31" s="77"/>
      <c r="E31" s="77"/>
      <c r="F31" s="77"/>
      <c r="G31" s="77"/>
    </row>
    <row r="32" spans="1:7" ht="15.75" customHeight="1">
      <c r="A32" s="77"/>
      <c r="B32" s="122" t="s">
        <v>509</v>
      </c>
      <c r="C32" s="123"/>
      <c r="D32" s="123"/>
      <c r="E32" s="123"/>
      <c r="F32" s="123"/>
      <c r="G32" s="124"/>
    </row>
    <row r="33" spans="1:7" ht="15.75" customHeight="1">
      <c r="A33" s="77"/>
      <c r="B33" s="118"/>
      <c r="C33" s="78"/>
      <c r="D33" s="78"/>
      <c r="E33" s="78"/>
      <c r="F33" s="78"/>
      <c r="G33" s="125"/>
    </row>
    <row r="34" spans="1:7" ht="15.75" customHeight="1">
      <c r="A34" s="77"/>
      <c r="B34" s="118"/>
      <c r="C34" s="78"/>
      <c r="D34" s="78"/>
      <c r="E34" s="78"/>
      <c r="F34" s="78"/>
      <c r="G34" s="125"/>
    </row>
    <row r="35" spans="1:7" ht="15.75" customHeight="1">
      <c r="A35" s="77"/>
      <c r="B35" s="118"/>
      <c r="C35" s="78"/>
      <c r="D35" s="78"/>
      <c r="E35" s="78"/>
      <c r="F35" s="78"/>
      <c r="G35" s="125"/>
    </row>
    <row r="36" spans="1:7" ht="15.75" customHeight="1">
      <c r="A36" s="77"/>
      <c r="B36" s="118"/>
      <c r="C36" s="78"/>
      <c r="D36" s="78"/>
      <c r="E36" s="78"/>
      <c r="F36" s="78"/>
      <c r="G36" s="125"/>
    </row>
    <row r="37" spans="1:7" ht="15.75" customHeight="1">
      <c r="A37" s="77"/>
      <c r="B37" s="118"/>
      <c r="C37" s="78"/>
      <c r="D37" s="78"/>
      <c r="E37" s="78"/>
      <c r="F37" s="78"/>
      <c r="G37" s="125"/>
    </row>
    <row r="38" spans="1:7" ht="15.75" customHeight="1" thickBot="1">
      <c r="A38" s="77"/>
      <c r="B38" s="108"/>
      <c r="C38" s="109"/>
      <c r="D38" s="109"/>
      <c r="E38" s="109"/>
      <c r="F38" s="109"/>
      <c r="G38" s="113"/>
    </row>
    <row r="39" spans="1:7" ht="12">
      <c r="A39" s="77"/>
      <c r="B39" s="77"/>
      <c r="C39" s="77"/>
      <c r="D39" s="77"/>
      <c r="E39" s="77"/>
      <c r="F39" s="77"/>
      <c r="G39" s="77"/>
    </row>
    <row r="40" spans="1:7" ht="12.6" thickBot="1">
      <c r="A40" s="387"/>
      <c r="B40" s="77" t="s">
        <v>562</v>
      </c>
      <c r="C40" s="77"/>
      <c r="D40" s="77"/>
      <c r="E40" s="77"/>
      <c r="F40" s="77"/>
      <c r="G40" s="77"/>
    </row>
    <row r="41" spans="1:7" ht="15" customHeight="1">
      <c r="A41" s="77"/>
      <c r="B41" s="122" t="s">
        <v>509</v>
      </c>
      <c r="C41" s="123"/>
      <c r="D41" s="123"/>
      <c r="E41" s="123"/>
      <c r="F41" s="123"/>
      <c r="G41" s="124"/>
    </row>
    <row r="42" spans="1:7" ht="15" customHeight="1">
      <c r="A42" s="77"/>
      <c r="B42" s="118"/>
      <c r="C42" s="78"/>
      <c r="D42" s="78"/>
      <c r="E42" s="78"/>
      <c r="F42" s="78"/>
      <c r="G42" s="125"/>
    </row>
    <row r="43" spans="1:7" ht="15" customHeight="1">
      <c r="A43" s="77"/>
      <c r="B43" s="118"/>
      <c r="C43" s="78"/>
      <c r="D43" s="78"/>
      <c r="E43" s="78"/>
      <c r="F43" s="78"/>
      <c r="G43" s="125"/>
    </row>
    <row r="44" spans="1:7" ht="15" customHeight="1">
      <c r="A44" s="77"/>
      <c r="B44" s="118"/>
      <c r="C44" s="78"/>
      <c r="D44" s="78"/>
      <c r="E44" s="78"/>
      <c r="F44" s="78"/>
      <c r="G44" s="125"/>
    </row>
    <row r="45" spans="1:7" ht="15" customHeight="1">
      <c r="A45" s="77"/>
      <c r="B45" s="118"/>
      <c r="C45" s="78"/>
      <c r="D45" s="78"/>
      <c r="E45" s="78"/>
      <c r="F45" s="78"/>
      <c r="G45" s="125"/>
    </row>
    <row r="46" spans="1:7" ht="15" customHeight="1">
      <c r="A46" s="77"/>
      <c r="B46" s="118"/>
      <c r="C46" s="78"/>
      <c r="D46" s="78"/>
      <c r="E46" s="78"/>
      <c r="F46" s="78"/>
      <c r="G46" s="125"/>
    </row>
    <row r="47" spans="1:7" ht="15" customHeight="1" thickBot="1">
      <c r="A47" s="77"/>
      <c r="B47" s="108"/>
      <c r="C47" s="109"/>
      <c r="D47" s="109"/>
      <c r="E47" s="109"/>
      <c r="F47" s="109"/>
      <c r="G47" s="113"/>
    </row>
  </sheetData>
  <mergeCells count="3">
    <mergeCell ref="B4:G4"/>
    <mergeCell ref="C22:D22"/>
    <mergeCell ref="E22:G22"/>
  </mergeCells>
  <phoneticPr fontId="3"/>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worksheet>
</file>

<file path=xl/worksheets/sheet1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dimension ref="B1:W51"/>
  <sheetViews>
    <sheetView view="pageBreakPreview" zoomScaleNormal="100" zoomScaleSheetLayoutView="100" workbookViewId="0">
      <selection activeCell="C21" sqref="C21"/>
    </sheetView>
  </sheetViews>
  <sheetFormatPr defaultRowHeight="10.8"/>
  <cols>
    <col min="1" max="1" width="2.44140625" style="576" customWidth="1"/>
    <col min="2" max="2" width="4.109375" style="576" customWidth="1"/>
    <col min="3" max="3" width="5.44140625" style="576" customWidth="1"/>
    <col min="4" max="12" width="8.109375" style="576" customWidth="1"/>
    <col min="13" max="13" width="6.21875" style="576" customWidth="1"/>
    <col min="14" max="256" width="9" style="576"/>
    <col min="257" max="257" width="2.44140625" style="576" customWidth="1"/>
    <col min="258" max="258" width="4.109375" style="576" customWidth="1"/>
    <col min="259" max="259" width="5.44140625" style="576" customWidth="1"/>
    <col min="260" max="268" width="8.109375" style="576" customWidth="1"/>
    <col min="269" max="269" width="6.21875" style="576" customWidth="1"/>
    <col min="270" max="512" width="9" style="576"/>
    <col min="513" max="513" width="2.44140625" style="576" customWidth="1"/>
    <col min="514" max="514" width="4.109375" style="576" customWidth="1"/>
    <col min="515" max="515" width="5.44140625" style="576" customWidth="1"/>
    <col min="516" max="524" width="8.109375" style="576" customWidth="1"/>
    <col min="525" max="525" width="6.21875" style="576" customWidth="1"/>
    <col min="526" max="768" width="9" style="576"/>
    <col min="769" max="769" width="2.44140625" style="576" customWidth="1"/>
    <col min="770" max="770" width="4.109375" style="576" customWidth="1"/>
    <col min="771" max="771" width="5.44140625" style="576" customWidth="1"/>
    <col min="772" max="780" width="8.109375" style="576" customWidth="1"/>
    <col min="781" max="781" width="6.21875" style="576" customWidth="1"/>
    <col min="782" max="1024" width="9" style="576"/>
    <col min="1025" max="1025" width="2.44140625" style="576" customWidth="1"/>
    <col min="1026" max="1026" width="4.109375" style="576" customWidth="1"/>
    <col min="1027" max="1027" width="5.44140625" style="576" customWidth="1"/>
    <col min="1028" max="1036" width="8.109375" style="576" customWidth="1"/>
    <col min="1037" max="1037" width="6.21875" style="576" customWidth="1"/>
    <col min="1038" max="1280" width="9" style="576"/>
    <col min="1281" max="1281" width="2.44140625" style="576" customWidth="1"/>
    <col min="1282" max="1282" width="4.109375" style="576" customWidth="1"/>
    <col min="1283" max="1283" width="5.44140625" style="576" customWidth="1"/>
    <col min="1284" max="1292" width="8.109375" style="576" customWidth="1"/>
    <col min="1293" max="1293" width="6.21875" style="576" customWidth="1"/>
    <col min="1294" max="1536" width="9" style="576"/>
    <col min="1537" max="1537" width="2.44140625" style="576" customWidth="1"/>
    <col min="1538" max="1538" width="4.109375" style="576" customWidth="1"/>
    <col min="1539" max="1539" width="5.44140625" style="576" customWidth="1"/>
    <col min="1540" max="1548" width="8.109375" style="576" customWidth="1"/>
    <col min="1549" max="1549" width="6.21875" style="576" customWidth="1"/>
    <col min="1550" max="1792" width="9" style="576"/>
    <col min="1793" max="1793" width="2.44140625" style="576" customWidth="1"/>
    <col min="1794" max="1794" width="4.109375" style="576" customWidth="1"/>
    <col min="1795" max="1795" width="5.44140625" style="576" customWidth="1"/>
    <col min="1796" max="1804" width="8.109375" style="576" customWidth="1"/>
    <col min="1805" max="1805" width="6.21875" style="576" customWidth="1"/>
    <col min="1806" max="2048" width="9" style="576"/>
    <col min="2049" max="2049" width="2.44140625" style="576" customWidth="1"/>
    <col min="2050" max="2050" width="4.109375" style="576" customWidth="1"/>
    <col min="2051" max="2051" width="5.44140625" style="576" customWidth="1"/>
    <col min="2052" max="2060" width="8.109375" style="576" customWidth="1"/>
    <col min="2061" max="2061" width="6.21875" style="576" customWidth="1"/>
    <col min="2062" max="2304" width="9" style="576"/>
    <col min="2305" max="2305" width="2.44140625" style="576" customWidth="1"/>
    <col min="2306" max="2306" width="4.109375" style="576" customWidth="1"/>
    <col min="2307" max="2307" width="5.44140625" style="576" customWidth="1"/>
    <col min="2308" max="2316" width="8.109375" style="576" customWidth="1"/>
    <col min="2317" max="2317" width="6.21875" style="576" customWidth="1"/>
    <col min="2318" max="2560" width="9" style="576"/>
    <col min="2561" max="2561" width="2.44140625" style="576" customWidth="1"/>
    <col min="2562" max="2562" width="4.109375" style="576" customWidth="1"/>
    <col min="2563" max="2563" width="5.44140625" style="576" customWidth="1"/>
    <col min="2564" max="2572" width="8.109375" style="576" customWidth="1"/>
    <col min="2573" max="2573" width="6.21875" style="576" customWidth="1"/>
    <col min="2574" max="2816" width="9" style="576"/>
    <col min="2817" max="2817" width="2.44140625" style="576" customWidth="1"/>
    <col min="2818" max="2818" width="4.109375" style="576" customWidth="1"/>
    <col min="2819" max="2819" width="5.44140625" style="576" customWidth="1"/>
    <col min="2820" max="2828" width="8.109375" style="576" customWidth="1"/>
    <col min="2829" max="2829" width="6.21875" style="576" customWidth="1"/>
    <col min="2830" max="3072" width="9" style="576"/>
    <col min="3073" max="3073" width="2.44140625" style="576" customWidth="1"/>
    <col min="3074" max="3074" width="4.109375" style="576" customWidth="1"/>
    <col min="3075" max="3075" width="5.44140625" style="576" customWidth="1"/>
    <col min="3076" max="3084" width="8.109375" style="576" customWidth="1"/>
    <col min="3085" max="3085" width="6.21875" style="576" customWidth="1"/>
    <col min="3086" max="3328" width="9" style="576"/>
    <col min="3329" max="3329" width="2.44140625" style="576" customWidth="1"/>
    <col min="3330" max="3330" width="4.109375" style="576" customWidth="1"/>
    <col min="3331" max="3331" width="5.44140625" style="576" customWidth="1"/>
    <col min="3332" max="3340" width="8.109375" style="576" customWidth="1"/>
    <col min="3341" max="3341" width="6.21875" style="576" customWidth="1"/>
    <col min="3342" max="3584" width="9" style="576"/>
    <col min="3585" max="3585" width="2.44140625" style="576" customWidth="1"/>
    <col min="3586" max="3586" width="4.109375" style="576" customWidth="1"/>
    <col min="3587" max="3587" width="5.44140625" style="576" customWidth="1"/>
    <col min="3588" max="3596" width="8.109375" style="576" customWidth="1"/>
    <col min="3597" max="3597" width="6.21875" style="576" customWidth="1"/>
    <col min="3598" max="3840" width="9" style="576"/>
    <col min="3841" max="3841" width="2.44140625" style="576" customWidth="1"/>
    <col min="3842" max="3842" width="4.109375" style="576" customWidth="1"/>
    <col min="3843" max="3843" width="5.44140625" style="576" customWidth="1"/>
    <col min="3844" max="3852" width="8.109375" style="576" customWidth="1"/>
    <col min="3853" max="3853" width="6.21875" style="576" customWidth="1"/>
    <col min="3854" max="4096" width="9" style="576"/>
    <col min="4097" max="4097" width="2.44140625" style="576" customWidth="1"/>
    <col min="4098" max="4098" width="4.109375" style="576" customWidth="1"/>
    <col min="4099" max="4099" width="5.44140625" style="576" customWidth="1"/>
    <col min="4100" max="4108" width="8.109375" style="576" customWidth="1"/>
    <col min="4109" max="4109" width="6.21875" style="576" customWidth="1"/>
    <col min="4110" max="4352" width="9" style="576"/>
    <col min="4353" max="4353" width="2.44140625" style="576" customWidth="1"/>
    <col min="4354" max="4354" width="4.109375" style="576" customWidth="1"/>
    <col min="4355" max="4355" width="5.44140625" style="576" customWidth="1"/>
    <col min="4356" max="4364" width="8.109375" style="576" customWidth="1"/>
    <col min="4365" max="4365" width="6.21875" style="576" customWidth="1"/>
    <col min="4366" max="4608" width="9" style="576"/>
    <col min="4609" max="4609" width="2.44140625" style="576" customWidth="1"/>
    <col min="4610" max="4610" width="4.109375" style="576" customWidth="1"/>
    <col min="4611" max="4611" width="5.44140625" style="576" customWidth="1"/>
    <col min="4612" max="4620" width="8.109375" style="576" customWidth="1"/>
    <col min="4621" max="4621" width="6.21875" style="576" customWidth="1"/>
    <col min="4622" max="4864" width="9" style="576"/>
    <col min="4865" max="4865" width="2.44140625" style="576" customWidth="1"/>
    <col min="4866" max="4866" width="4.109375" style="576" customWidth="1"/>
    <col min="4867" max="4867" width="5.44140625" style="576" customWidth="1"/>
    <col min="4868" max="4876" width="8.109375" style="576" customWidth="1"/>
    <col min="4877" max="4877" width="6.21875" style="576" customWidth="1"/>
    <col min="4878" max="5120" width="9" style="576"/>
    <col min="5121" max="5121" width="2.44140625" style="576" customWidth="1"/>
    <col min="5122" max="5122" width="4.109375" style="576" customWidth="1"/>
    <col min="5123" max="5123" width="5.44140625" style="576" customWidth="1"/>
    <col min="5124" max="5132" width="8.109375" style="576" customWidth="1"/>
    <col min="5133" max="5133" width="6.21875" style="576" customWidth="1"/>
    <col min="5134" max="5376" width="9" style="576"/>
    <col min="5377" max="5377" width="2.44140625" style="576" customWidth="1"/>
    <col min="5378" max="5378" width="4.109375" style="576" customWidth="1"/>
    <col min="5379" max="5379" width="5.44140625" style="576" customWidth="1"/>
    <col min="5380" max="5388" width="8.109375" style="576" customWidth="1"/>
    <col min="5389" max="5389" width="6.21875" style="576" customWidth="1"/>
    <col min="5390" max="5632" width="9" style="576"/>
    <col min="5633" max="5633" width="2.44140625" style="576" customWidth="1"/>
    <col min="5634" max="5634" width="4.109375" style="576" customWidth="1"/>
    <col min="5635" max="5635" width="5.44140625" style="576" customWidth="1"/>
    <col min="5636" max="5644" width="8.109375" style="576" customWidth="1"/>
    <col min="5645" max="5645" width="6.21875" style="576" customWidth="1"/>
    <col min="5646" max="5888" width="9" style="576"/>
    <col min="5889" max="5889" width="2.44140625" style="576" customWidth="1"/>
    <col min="5890" max="5890" width="4.109375" style="576" customWidth="1"/>
    <col min="5891" max="5891" width="5.44140625" style="576" customWidth="1"/>
    <col min="5892" max="5900" width="8.109375" style="576" customWidth="1"/>
    <col min="5901" max="5901" width="6.21875" style="576" customWidth="1"/>
    <col min="5902" max="6144" width="9" style="576"/>
    <col min="6145" max="6145" width="2.44140625" style="576" customWidth="1"/>
    <col min="6146" max="6146" width="4.109375" style="576" customWidth="1"/>
    <col min="6147" max="6147" width="5.44140625" style="576" customWidth="1"/>
    <col min="6148" max="6156" width="8.109375" style="576" customWidth="1"/>
    <col min="6157" max="6157" width="6.21875" style="576" customWidth="1"/>
    <col min="6158" max="6400" width="9" style="576"/>
    <col min="6401" max="6401" width="2.44140625" style="576" customWidth="1"/>
    <col min="6402" max="6402" width="4.109375" style="576" customWidth="1"/>
    <col min="6403" max="6403" width="5.44140625" style="576" customWidth="1"/>
    <col min="6404" max="6412" width="8.109375" style="576" customWidth="1"/>
    <col min="6413" max="6413" width="6.21875" style="576" customWidth="1"/>
    <col min="6414" max="6656" width="9" style="576"/>
    <col min="6657" max="6657" width="2.44140625" style="576" customWidth="1"/>
    <col min="6658" max="6658" width="4.109375" style="576" customWidth="1"/>
    <col min="6659" max="6659" width="5.44140625" style="576" customWidth="1"/>
    <col min="6660" max="6668" width="8.109375" style="576" customWidth="1"/>
    <col min="6669" max="6669" width="6.21875" style="576" customWidth="1"/>
    <col min="6670" max="6912" width="9" style="576"/>
    <col min="6913" max="6913" width="2.44140625" style="576" customWidth="1"/>
    <col min="6914" max="6914" width="4.109375" style="576" customWidth="1"/>
    <col min="6915" max="6915" width="5.44140625" style="576" customWidth="1"/>
    <col min="6916" max="6924" width="8.109375" style="576" customWidth="1"/>
    <col min="6925" max="6925" width="6.21875" style="576" customWidth="1"/>
    <col min="6926" max="7168" width="9" style="576"/>
    <col min="7169" max="7169" width="2.44140625" style="576" customWidth="1"/>
    <col min="7170" max="7170" width="4.109375" style="576" customWidth="1"/>
    <col min="7171" max="7171" width="5.44140625" style="576" customWidth="1"/>
    <col min="7172" max="7180" width="8.109375" style="576" customWidth="1"/>
    <col min="7181" max="7181" width="6.21875" style="576" customWidth="1"/>
    <col min="7182" max="7424" width="9" style="576"/>
    <col min="7425" max="7425" width="2.44140625" style="576" customWidth="1"/>
    <col min="7426" max="7426" width="4.109375" style="576" customWidth="1"/>
    <col min="7427" max="7427" width="5.44140625" style="576" customWidth="1"/>
    <col min="7428" max="7436" width="8.109375" style="576" customWidth="1"/>
    <col min="7437" max="7437" width="6.21875" style="576" customWidth="1"/>
    <col min="7438" max="7680" width="9" style="576"/>
    <col min="7681" max="7681" width="2.44140625" style="576" customWidth="1"/>
    <col min="7682" max="7682" width="4.109375" style="576" customWidth="1"/>
    <col min="7683" max="7683" width="5.44140625" style="576" customWidth="1"/>
    <col min="7684" max="7692" width="8.109375" style="576" customWidth="1"/>
    <col min="7693" max="7693" width="6.21875" style="576" customWidth="1"/>
    <col min="7694" max="7936" width="9" style="576"/>
    <col min="7937" max="7937" width="2.44140625" style="576" customWidth="1"/>
    <col min="7938" max="7938" width="4.109375" style="576" customWidth="1"/>
    <col min="7939" max="7939" width="5.44140625" style="576" customWidth="1"/>
    <col min="7940" max="7948" width="8.109375" style="576" customWidth="1"/>
    <col min="7949" max="7949" width="6.21875" style="576" customWidth="1"/>
    <col min="7950" max="8192" width="9" style="576"/>
    <col min="8193" max="8193" width="2.44140625" style="576" customWidth="1"/>
    <col min="8194" max="8194" width="4.109375" style="576" customWidth="1"/>
    <col min="8195" max="8195" width="5.44140625" style="576" customWidth="1"/>
    <col min="8196" max="8204" width="8.109375" style="576" customWidth="1"/>
    <col min="8205" max="8205" width="6.21875" style="576" customWidth="1"/>
    <col min="8206" max="8448" width="9" style="576"/>
    <col min="8449" max="8449" width="2.44140625" style="576" customWidth="1"/>
    <col min="8450" max="8450" width="4.109375" style="576" customWidth="1"/>
    <col min="8451" max="8451" width="5.44140625" style="576" customWidth="1"/>
    <col min="8452" max="8460" width="8.109375" style="576" customWidth="1"/>
    <col min="8461" max="8461" width="6.21875" style="576" customWidth="1"/>
    <col min="8462" max="8704" width="9" style="576"/>
    <col min="8705" max="8705" width="2.44140625" style="576" customWidth="1"/>
    <col min="8706" max="8706" width="4.109375" style="576" customWidth="1"/>
    <col min="8707" max="8707" width="5.44140625" style="576" customWidth="1"/>
    <col min="8708" max="8716" width="8.109375" style="576" customWidth="1"/>
    <col min="8717" max="8717" width="6.21875" style="576" customWidth="1"/>
    <col min="8718" max="8960" width="9" style="576"/>
    <col min="8961" max="8961" width="2.44140625" style="576" customWidth="1"/>
    <col min="8962" max="8962" width="4.109375" style="576" customWidth="1"/>
    <col min="8963" max="8963" width="5.44140625" style="576" customWidth="1"/>
    <col min="8964" max="8972" width="8.109375" style="576" customWidth="1"/>
    <col min="8973" max="8973" width="6.21875" style="576" customWidth="1"/>
    <col min="8974" max="9216" width="9" style="576"/>
    <col min="9217" max="9217" width="2.44140625" style="576" customWidth="1"/>
    <col min="9218" max="9218" width="4.109375" style="576" customWidth="1"/>
    <col min="9219" max="9219" width="5.44140625" style="576" customWidth="1"/>
    <col min="9220" max="9228" width="8.109375" style="576" customWidth="1"/>
    <col min="9229" max="9229" width="6.21875" style="576" customWidth="1"/>
    <col min="9230" max="9472" width="9" style="576"/>
    <col min="9473" max="9473" width="2.44140625" style="576" customWidth="1"/>
    <col min="9474" max="9474" width="4.109375" style="576" customWidth="1"/>
    <col min="9475" max="9475" width="5.44140625" style="576" customWidth="1"/>
    <col min="9476" max="9484" width="8.109375" style="576" customWidth="1"/>
    <col min="9485" max="9485" width="6.21875" style="576" customWidth="1"/>
    <col min="9486" max="9728" width="9" style="576"/>
    <col min="9729" max="9729" width="2.44140625" style="576" customWidth="1"/>
    <col min="9730" max="9730" width="4.109375" style="576" customWidth="1"/>
    <col min="9731" max="9731" width="5.44140625" style="576" customWidth="1"/>
    <col min="9732" max="9740" width="8.109375" style="576" customWidth="1"/>
    <col min="9741" max="9741" width="6.21875" style="576" customWidth="1"/>
    <col min="9742" max="9984" width="9" style="576"/>
    <col min="9985" max="9985" width="2.44140625" style="576" customWidth="1"/>
    <col min="9986" max="9986" width="4.109375" style="576" customWidth="1"/>
    <col min="9987" max="9987" width="5.44140625" style="576" customWidth="1"/>
    <col min="9988" max="9996" width="8.109375" style="576" customWidth="1"/>
    <col min="9997" max="9997" width="6.21875" style="576" customWidth="1"/>
    <col min="9998" max="10240" width="9" style="576"/>
    <col min="10241" max="10241" width="2.44140625" style="576" customWidth="1"/>
    <col min="10242" max="10242" width="4.109375" style="576" customWidth="1"/>
    <col min="10243" max="10243" width="5.44140625" style="576" customWidth="1"/>
    <col min="10244" max="10252" width="8.109375" style="576" customWidth="1"/>
    <col min="10253" max="10253" width="6.21875" style="576" customWidth="1"/>
    <col min="10254" max="10496" width="9" style="576"/>
    <col min="10497" max="10497" width="2.44140625" style="576" customWidth="1"/>
    <col min="10498" max="10498" width="4.109375" style="576" customWidth="1"/>
    <col min="10499" max="10499" width="5.44140625" style="576" customWidth="1"/>
    <col min="10500" max="10508" width="8.109375" style="576" customWidth="1"/>
    <col min="10509" max="10509" width="6.21875" style="576" customWidth="1"/>
    <col min="10510" max="10752" width="9" style="576"/>
    <col min="10753" max="10753" width="2.44140625" style="576" customWidth="1"/>
    <col min="10754" max="10754" width="4.109375" style="576" customWidth="1"/>
    <col min="10755" max="10755" width="5.44140625" style="576" customWidth="1"/>
    <col min="10756" max="10764" width="8.109375" style="576" customWidth="1"/>
    <col min="10765" max="10765" width="6.21875" style="576" customWidth="1"/>
    <col min="10766" max="11008" width="9" style="576"/>
    <col min="11009" max="11009" width="2.44140625" style="576" customWidth="1"/>
    <col min="11010" max="11010" width="4.109375" style="576" customWidth="1"/>
    <col min="11011" max="11011" width="5.44140625" style="576" customWidth="1"/>
    <col min="11012" max="11020" width="8.109375" style="576" customWidth="1"/>
    <col min="11021" max="11021" width="6.21875" style="576" customWidth="1"/>
    <col min="11022" max="11264" width="9" style="576"/>
    <col min="11265" max="11265" width="2.44140625" style="576" customWidth="1"/>
    <col min="11266" max="11266" width="4.109375" style="576" customWidth="1"/>
    <col min="11267" max="11267" width="5.44140625" style="576" customWidth="1"/>
    <col min="11268" max="11276" width="8.109375" style="576" customWidth="1"/>
    <col min="11277" max="11277" width="6.21875" style="576" customWidth="1"/>
    <col min="11278" max="11520" width="9" style="576"/>
    <col min="11521" max="11521" width="2.44140625" style="576" customWidth="1"/>
    <col min="11522" max="11522" width="4.109375" style="576" customWidth="1"/>
    <col min="11523" max="11523" width="5.44140625" style="576" customWidth="1"/>
    <col min="11524" max="11532" width="8.109375" style="576" customWidth="1"/>
    <col min="11533" max="11533" width="6.21875" style="576" customWidth="1"/>
    <col min="11534" max="11776" width="9" style="576"/>
    <col min="11777" max="11777" width="2.44140625" style="576" customWidth="1"/>
    <col min="11778" max="11778" width="4.109375" style="576" customWidth="1"/>
    <col min="11779" max="11779" width="5.44140625" style="576" customWidth="1"/>
    <col min="11780" max="11788" width="8.109375" style="576" customWidth="1"/>
    <col min="11789" max="11789" width="6.21875" style="576" customWidth="1"/>
    <col min="11790" max="12032" width="9" style="576"/>
    <col min="12033" max="12033" width="2.44140625" style="576" customWidth="1"/>
    <col min="12034" max="12034" width="4.109375" style="576" customWidth="1"/>
    <col min="12035" max="12035" width="5.44140625" style="576" customWidth="1"/>
    <col min="12036" max="12044" width="8.109375" style="576" customWidth="1"/>
    <col min="12045" max="12045" width="6.21875" style="576" customWidth="1"/>
    <col min="12046" max="12288" width="9" style="576"/>
    <col min="12289" max="12289" width="2.44140625" style="576" customWidth="1"/>
    <col min="12290" max="12290" width="4.109375" style="576" customWidth="1"/>
    <col min="12291" max="12291" width="5.44140625" style="576" customWidth="1"/>
    <col min="12292" max="12300" width="8.109375" style="576" customWidth="1"/>
    <col min="12301" max="12301" width="6.21875" style="576" customWidth="1"/>
    <col min="12302" max="12544" width="9" style="576"/>
    <col min="12545" max="12545" width="2.44140625" style="576" customWidth="1"/>
    <col min="12546" max="12546" width="4.109375" style="576" customWidth="1"/>
    <col min="12547" max="12547" width="5.44140625" style="576" customWidth="1"/>
    <col min="12548" max="12556" width="8.109375" style="576" customWidth="1"/>
    <col min="12557" max="12557" width="6.21875" style="576" customWidth="1"/>
    <col min="12558" max="12800" width="9" style="576"/>
    <col min="12801" max="12801" width="2.44140625" style="576" customWidth="1"/>
    <col min="12802" max="12802" width="4.109375" style="576" customWidth="1"/>
    <col min="12803" max="12803" width="5.44140625" style="576" customWidth="1"/>
    <col min="12804" max="12812" width="8.109375" style="576" customWidth="1"/>
    <col min="12813" max="12813" width="6.21875" style="576" customWidth="1"/>
    <col min="12814" max="13056" width="9" style="576"/>
    <col min="13057" max="13057" width="2.44140625" style="576" customWidth="1"/>
    <col min="13058" max="13058" width="4.109375" style="576" customWidth="1"/>
    <col min="13059" max="13059" width="5.44140625" style="576" customWidth="1"/>
    <col min="13060" max="13068" width="8.109375" style="576" customWidth="1"/>
    <col min="13069" max="13069" width="6.21875" style="576" customWidth="1"/>
    <col min="13070" max="13312" width="9" style="576"/>
    <col min="13313" max="13313" width="2.44140625" style="576" customWidth="1"/>
    <col min="13314" max="13314" width="4.109375" style="576" customWidth="1"/>
    <col min="13315" max="13315" width="5.44140625" style="576" customWidth="1"/>
    <col min="13316" max="13324" width="8.109375" style="576" customWidth="1"/>
    <col min="13325" max="13325" width="6.21875" style="576" customWidth="1"/>
    <col min="13326" max="13568" width="9" style="576"/>
    <col min="13569" max="13569" width="2.44140625" style="576" customWidth="1"/>
    <col min="13570" max="13570" width="4.109375" style="576" customWidth="1"/>
    <col min="13571" max="13571" width="5.44140625" style="576" customWidth="1"/>
    <col min="13572" max="13580" width="8.109375" style="576" customWidth="1"/>
    <col min="13581" max="13581" width="6.21875" style="576" customWidth="1"/>
    <col min="13582" max="13824" width="9" style="576"/>
    <col min="13825" max="13825" width="2.44140625" style="576" customWidth="1"/>
    <col min="13826" max="13826" width="4.109375" style="576" customWidth="1"/>
    <col min="13827" max="13827" width="5.44140625" style="576" customWidth="1"/>
    <col min="13828" max="13836" width="8.109375" style="576" customWidth="1"/>
    <col min="13837" max="13837" width="6.21875" style="576" customWidth="1"/>
    <col min="13838" max="14080" width="9" style="576"/>
    <col min="14081" max="14081" width="2.44140625" style="576" customWidth="1"/>
    <col min="14082" max="14082" width="4.109375" style="576" customWidth="1"/>
    <col min="14083" max="14083" width="5.44140625" style="576" customWidth="1"/>
    <col min="14084" max="14092" width="8.109375" style="576" customWidth="1"/>
    <col min="14093" max="14093" width="6.21875" style="576" customWidth="1"/>
    <col min="14094" max="14336" width="9" style="576"/>
    <col min="14337" max="14337" width="2.44140625" style="576" customWidth="1"/>
    <col min="14338" max="14338" width="4.109375" style="576" customWidth="1"/>
    <col min="14339" max="14339" width="5.44140625" style="576" customWidth="1"/>
    <col min="14340" max="14348" width="8.109375" style="576" customWidth="1"/>
    <col min="14349" max="14349" width="6.21875" style="576" customWidth="1"/>
    <col min="14350" max="14592" width="9" style="576"/>
    <col min="14593" max="14593" width="2.44140625" style="576" customWidth="1"/>
    <col min="14594" max="14594" width="4.109375" style="576" customWidth="1"/>
    <col min="14595" max="14595" width="5.44140625" style="576" customWidth="1"/>
    <col min="14596" max="14604" width="8.109375" style="576" customWidth="1"/>
    <col min="14605" max="14605" width="6.21875" style="576" customWidth="1"/>
    <col min="14606" max="14848" width="9" style="576"/>
    <col min="14849" max="14849" width="2.44140625" style="576" customWidth="1"/>
    <col min="14850" max="14850" width="4.109375" style="576" customWidth="1"/>
    <col min="14851" max="14851" width="5.44140625" style="576" customWidth="1"/>
    <col min="14852" max="14860" width="8.109375" style="576" customWidth="1"/>
    <col min="14861" max="14861" width="6.21875" style="576" customWidth="1"/>
    <col min="14862" max="15104" width="9" style="576"/>
    <col min="15105" max="15105" width="2.44140625" style="576" customWidth="1"/>
    <col min="15106" max="15106" width="4.109375" style="576" customWidth="1"/>
    <col min="15107" max="15107" width="5.44140625" style="576" customWidth="1"/>
    <col min="15108" max="15116" width="8.109375" style="576" customWidth="1"/>
    <col min="15117" max="15117" width="6.21875" style="576" customWidth="1"/>
    <col min="15118" max="15360" width="9" style="576"/>
    <col min="15361" max="15361" width="2.44140625" style="576" customWidth="1"/>
    <col min="15362" max="15362" width="4.109375" style="576" customWidth="1"/>
    <col min="15363" max="15363" width="5.44140625" style="576" customWidth="1"/>
    <col min="15364" max="15372" width="8.109375" style="576" customWidth="1"/>
    <col min="15373" max="15373" width="6.21875" style="576" customWidth="1"/>
    <col min="15374" max="15616" width="9" style="576"/>
    <col min="15617" max="15617" width="2.44140625" style="576" customWidth="1"/>
    <col min="15618" max="15618" width="4.109375" style="576" customWidth="1"/>
    <col min="15619" max="15619" width="5.44140625" style="576" customWidth="1"/>
    <col min="15620" max="15628" width="8.109375" style="576" customWidth="1"/>
    <col min="15629" max="15629" width="6.21875" style="576" customWidth="1"/>
    <col min="15630" max="15872" width="9" style="576"/>
    <col min="15873" max="15873" width="2.44140625" style="576" customWidth="1"/>
    <col min="15874" max="15874" width="4.109375" style="576" customWidth="1"/>
    <col min="15875" max="15875" width="5.44140625" style="576" customWidth="1"/>
    <col min="15876" max="15884" width="8.109375" style="576" customWidth="1"/>
    <col min="15885" max="15885" width="6.21875" style="576" customWidth="1"/>
    <col min="15886" max="16128" width="9" style="576"/>
    <col min="16129" max="16129" width="2.44140625" style="576" customWidth="1"/>
    <col min="16130" max="16130" width="4.109375" style="576" customWidth="1"/>
    <col min="16131" max="16131" width="5.44140625" style="576" customWidth="1"/>
    <col min="16132" max="16140" width="8.109375" style="576" customWidth="1"/>
    <col min="16141" max="16141" width="6.21875" style="576" customWidth="1"/>
    <col min="16142" max="16384" width="9" style="576"/>
  </cols>
  <sheetData>
    <row r="1" spans="2:13" ht="26.25" customHeight="1">
      <c r="B1" s="388" t="s">
        <v>563</v>
      </c>
      <c r="C1" s="160"/>
      <c r="D1" s="160"/>
      <c r="E1" s="389" t="s">
        <v>564</v>
      </c>
      <c r="F1" s="1681" t="s">
        <v>565</v>
      </c>
      <c r="G1" s="1681"/>
      <c r="H1" s="1681"/>
      <c r="I1" s="1681"/>
      <c r="J1" s="1681"/>
      <c r="K1" s="1681"/>
      <c r="L1" s="1681"/>
    </row>
    <row r="2" spans="2:13" ht="15.75" customHeight="1">
      <c r="B2" s="369"/>
      <c r="E2" s="564"/>
      <c r="F2" s="1682" t="s">
        <v>566</v>
      </c>
      <c r="G2" s="1682"/>
      <c r="H2" s="1682"/>
      <c r="I2" s="1682"/>
      <c r="J2" s="1682"/>
      <c r="K2" s="1682"/>
      <c r="L2" s="1682"/>
    </row>
    <row r="3" spans="2:13" ht="11.4" thickBot="1">
      <c r="B3" s="576" t="s">
        <v>567</v>
      </c>
    </row>
    <row r="4" spans="2:13" ht="15.75" customHeight="1">
      <c r="B4" s="1683"/>
      <c r="C4" s="1684"/>
      <c r="D4" s="1684"/>
      <c r="E4" s="1684"/>
      <c r="F4" s="1684"/>
      <c r="G4" s="1684"/>
      <c r="H4" s="1684"/>
      <c r="I4" s="1684"/>
      <c r="J4" s="1684"/>
      <c r="K4" s="1684"/>
      <c r="L4" s="1685"/>
      <c r="M4" s="368"/>
    </row>
    <row r="5" spans="2:13">
      <c r="B5" s="1686"/>
      <c r="C5" s="1687"/>
      <c r="D5" s="1687"/>
      <c r="E5" s="1687"/>
      <c r="F5" s="1687"/>
      <c r="G5" s="1687"/>
      <c r="H5" s="1687"/>
      <c r="I5" s="1687"/>
      <c r="J5" s="1687"/>
      <c r="K5" s="1687"/>
      <c r="L5" s="1688"/>
      <c r="M5" s="368"/>
    </row>
    <row r="6" spans="2:13" ht="15.75" customHeight="1">
      <c r="B6" s="1686"/>
      <c r="C6" s="1687"/>
      <c r="D6" s="1687"/>
      <c r="E6" s="1687"/>
      <c r="F6" s="1687"/>
      <c r="G6" s="1687"/>
      <c r="H6" s="1687"/>
      <c r="I6" s="1687"/>
      <c r="J6" s="1687"/>
      <c r="K6" s="1687"/>
      <c r="L6" s="1688"/>
      <c r="M6" s="368"/>
    </row>
    <row r="7" spans="2:13" ht="19.5" customHeight="1">
      <c r="B7" s="1686"/>
      <c r="C7" s="1687"/>
      <c r="D7" s="1687"/>
      <c r="E7" s="1687"/>
      <c r="F7" s="1687"/>
      <c r="G7" s="1687"/>
      <c r="H7" s="1687"/>
      <c r="I7" s="1687"/>
      <c r="J7" s="1687"/>
      <c r="K7" s="1687"/>
      <c r="L7" s="1688"/>
      <c r="M7" s="368"/>
    </row>
    <row r="8" spans="2:13" ht="15" customHeight="1">
      <c r="B8" s="1686"/>
      <c r="C8" s="1687"/>
      <c r="D8" s="1687"/>
      <c r="E8" s="1687"/>
      <c r="F8" s="1687"/>
      <c r="G8" s="1687"/>
      <c r="H8" s="1687"/>
      <c r="I8" s="1687"/>
      <c r="J8" s="1687"/>
      <c r="K8" s="1687"/>
      <c r="L8" s="1688"/>
      <c r="M8" s="368"/>
    </row>
    <row r="9" spans="2:13" ht="19.5" customHeight="1" thickBot="1">
      <c r="B9" s="1689"/>
      <c r="C9" s="1664"/>
      <c r="D9" s="1664"/>
      <c r="E9" s="1664"/>
      <c r="F9" s="1664"/>
      <c r="G9" s="1664"/>
      <c r="H9" s="1664"/>
      <c r="I9" s="1664"/>
      <c r="J9" s="1664"/>
      <c r="K9" s="1664"/>
      <c r="L9" s="1690"/>
      <c r="M9" s="368"/>
    </row>
    <row r="10" spans="2:13" ht="6.75" customHeight="1">
      <c r="B10" s="368"/>
      <c r="C10" s="368"/>
      <c r="D10" s="368"/>
      <c r="E10" s="368"/>
      <c r="F10" s="368"/>
      <c r="G10" s="368"/>
      <c r="H10" s="368"/>
      <c r="I10" s="368"/>
      <c r="J10" s="368"/>
      <c r="K10" s="368"/>
      <c r="L10" s="368"/>
      <c r="M10" s="368"/>
    </row>
    <row r="11" spans="2:13" ht="12">
      <c r="B11" s="78" t="s">
        <v>568</v>
      </c>
      <c r="C11" s="78"/>
      <c r="D11" s="78"/>
      <c r="E11" s="78"/>
      <c r="F11" s="78"/>
      <c r="G11" s="78"/>
      <c r="H11" s="78"/>
      <c r="I11" s="78"/>
      <c r="J11" s="78"/>
      <c r="K11" s="78"/>
      <c r="L11" s="368"/>
      <c r="M11" s="368"/>
    </row>
    <row r="12" spans="2:13" ht="12.6" thickBot="1">
      <c r="B12" s="78" t="s">
        <v>569</v>
      </c>
      <c r="C12" s="78"/>
      <c r="D12" s="78"/>
      <c r="E12" s="78"/>
      <c r="F12" s="78"/>
      <c r="G12" s="78"/>
      <c r="H12" s="78"/>
      <c r="I12" s="78"/>
      <c r="J12" s="78"/>
      <c r="K12" s="78"/>
      <c r="L12" s="368"/>
      <c r="M12" s="368"/>
    </row>
    <row r="13" spans="2:13" ht="16.5" customHeight="1">
      <c r="B13" s="544" t="s">
        <v>570</v>
      </c>
      <c r="C13" s="574"/>
      <c r="D13" s="574"/>
      <c r="E13" s="574"/>
      <c r="F13" s="575"/>
      <c r="G13" s="902" t="s">
        <v>571</v>
      </c>
      <c r="H13" s="903"/>
      <c r="I13" s="903"/>
      <c r="J13" s="1691"/>
      <c r="K13" s="1691"/>
      <c r="L13" s="390"/>
      <c r="M13" s="368"/>
    </row>
    <row r="14" spans="2:13" ht="16.5" customHeight="1">
      <c r="B14" s="549" t="s">
        <v>572</v>
      </c>
      <c r="C14" s="550"/>
      <c r="D14" s="550"/>
      <c r="E14" s="550"/>
      <c r="F14" s="553"/>
      <c r="G14" s="552"/>
      <c r="H14" s="550"/>
      <c r="I14" s="550"/>
      <c r="J14" s="84"/>
      <c r="K14" s="84"/>
      <c r="L14" s="391"/>
    </row>
    <row r="15" spans="2:13" ht="16.5" customHeight="1">
      <c r="B15" s="549" t="s">
        <v>573</v>
      </c>
      <c r="C15" s="550"/>
      <c r="D15" s="550"/>
      <c r="E15" s="550"/>
      <c r="F15" s="553"/>
      <c r="G15" s="552"/>
      <c r="H15" s="550"/>
      <c r="I15" s="550"/>
      <c r="J15" s="84"/>
      <c r="K15" s="84"/>
      <c r="L15" s="391"/>
    </row>
    <row r="16" spans="2:13" ht="16.5" customHeight="1" thickBot="1">
      <c r="B16" s="58" t="s">
        <v>574</v>
      </c>
      <c r="C16" s="565"/>
      <c r="D16" s="565"/>
      <c r="E16" s="565"/>
      <c r="F16" s="392"/>
      <c r="G16" s="203"/>
      <c r="H16" s="545"/>
      <c r="I16" s="545"/>
      <c r="J16" s="221"/>
      <c r="K16" s="221"/>
      <c r="L16" s="393"/>
    </row>
    <row r="17" spans="2:23" ht="6" customHeight="1"/>
    <row r="18" spans="2:23" ht="12.6" thickBot="1">
      <c r="B18" s="564" t="s">
        <v>575</v>
      </c>
      <c r="C18" s="564"/>
      <c r="D18" s="564"/>
      <c r="E18" s="564"/>
      <c r="F18" s="564"/>
      <c r="G18" s="564"/>
      <c r="H18" s="564"/>
      <c r="I18" s="564"/>
      <c r="J18" s="564"/>
      <c r="K18" s="564"/>
      <c r="L18" s="564"/>
    </row>
    <row r="19" spans="2:23" ht="16.5" customHeight="1">
      <c r="B19" s="547" t="s">
        <v>576</v>
      </c>
      <c r="C19" s="548"/>
      <c r="D19" s="548"/>
      <c r="E19" s="548"/>
      <c r="F19" s="364"/>
      <c r="G19" s="548"/>
      <c r="H19" s="548"/>
      <c r="I19" s="548"/>
      <c r="J19" s="548"/>
      <c r="K19" s="548"/>
      <c r="L19" s="561"/>
    </row>
    <row r="20" spans="2:23" ht="16.5" customHeight="1" thickBot="1">
      <c r="B20" s="58" t="s">
        <v>577</v>
      </c>
      <c r="C20" s="565"/>
      <c r="D20" s="565"/>
      <c r="E20" s="565"/>
      <c r="F20" s="392"/>
      <c r="G20" s="565"/>
      <c r="H20" s="565"/>
      <c r="I20" s="565"/>
      <c r="J20" s="565"/>
      <c r="K20" s="565"/>
      <c r="L20" s="60"/>
    </row>
    <row r="21" spans="2:23" ht="16.5" customHeight="1">
      <c r="B21" s="540"/>
      <c r="C21" s="394" t="s">
        <v>1101</v>
      </c>
      <c r="D21" s="540"/>
      <c r="E21" s="540"/>
      <c r="F21" s="540"/>
      <c r="G21" s="540"/>
      <c r="H21" s="540"/>
      <c r="I21" s="540"/>
      <c r="J21" s="540"/>
      <c r="K21" s="540"/>
      <c r="L21" s="540"/>
    </row>
    <row r="22" spans="2:23" ht="12.75" customHeight="1">
      <c r="B22" s="368"/>
      <c r="C22" s="368"/>
      <c r="D22" s="368"/>
      <c r="E22" s="368"/>
      <c r="F22" s="368"/>
      <c r="G22" s="368"/>
      <c r="H22" s="368"/>
      <c r="I22" s="368"/>
      <c r="J22" s="368"/>
      <c r="K22" s="368"/>
      <c r="L22" s="368"/>
    </row>
    <row r="23" spans="2:23" ht="14.25" customHeight="1" thickBot="1">
      <c r="B23" s="78" t="s">
        <v>578</v>
      </c>
      <c r="C23" s="78"/>
      <c r="D23" s="78"/>
      <c r="E23" s="78"/>
      <c r="F23" s="78"/>
      <c r="G23" s="78"/>
      <c r="H23" s="78"/>
      <c r="I23" s="78"/>
      <c r="J23" s="78"/>
      <c r="K23" s="78"/>
      <c r="L23" s="78"/>
    </row>
    <row r="24" spans="2:23" ht="22.5" customHeight="1">
      <c r="B24" s="1692" t="s">
        <v>579</v>
      </c>
      <c r="C24" s="1693"/>
      <c r="D24" s="1693"/>
      <c r="E24" s="1693"/>
      <c r="F24" s="1694"/>
      <c r="G24" s="921" t="s">
        <v>580</v>
      </c>
      <c r="H24" s="922"/>
      <c r="I24" s="903" t="s">
        <v>581</v>
      </c>
      <c r="J24" s="903"/>
      <c r="K24" s="903"/>
      <c r="L24" s="904"/>
    </row>
    <row r="25" spans="2:23" ht="12" customHeight="1">
      <c r="B25" s="898" t="s">
        <v>582</v>
      </c>
      <c r="C25" s="1697"/>
      <c r="D25" s="1697"/>
      <c r="E25" s="1698"/>
      <c r="F25" s="1703" t="s">
        <v>583</v>
      </c>
      <c r="G25" s="997" t="s">
        <v>584</v>
      </c>
      <c r="H25" s="997"/>
      <c r="I25" s="997"/>
      <c r="J25" s="997"/>
      <c r="K25" s="997"/>
      <c r="L25" s="998"/>
    </row>
    <row r="26" spans="2:23" ht="12" customHeight="1">
      <c r="B26" s="1699"/>
      <c r="C26" s="1700"/>
      <c r="D26" s="1700"/>
      <c r="E26" s="1701"/>
      <c r="F26" s="1704"/>
      <c r="G26" s="1706"/>
      <c r="H26" s="1706"/>
      <c r="I26" s="1706"/>
      <c r="J26" s="1706"/>
      <c r="K26" s="1706"/>
      <c r="L26" s="1707"/>
    </row>
    <row r="27" spans="2:23" ht="12" customHeight="1">
      <c r="B27" s="1699"/>
      <c r="C27" s="1700"/>
      <c r="D27" s="1700"/>
      <c r="E27" s="1701"/>
      <c r="F27" s="1705"/>
      <c r="G27" s="1708"/>
      <c r="H27" s="1708"/>
      <c r="I27" s="1708"/>
      <c r="J27" s="1708"/>
      <c r="K27" s="1708"/>
      <c r="L27" s="1709"/>
    </row>
    <row r="28" spans="2:23" ht="12" customHeight="1">
      <c r="B28" s="1699"/>
      <c r="C28" s="1700"/>
      <c r="D28" s="1700"/>
      <c r="E28" s="1701"/>
      <c r="F28" s="1703" t="s">
        <v>585</v>
      </c>
      <c r="G28" s="103" t="s">
        <v>586</v>
      </c>
      <c r="H28" s="103"/>
      <c r="I28" s="103"/>
      <c r="J28" s="103"/>
      <c r="K28" s="103"/>
      <c r="L28" s="106"/>
      <c r="P28" s="78"/>
      <c r="Q28" s="78"/>
      <c r="R28" s="78"/>
      <c r="S28" s="78"/>
      <c r="T28" s="78"/>
      <c r="U28" s="78"/>
      <c r="V28" s="78"/>
      <c r="W28" s="78"/>
    </row>
    <row r="29" spans="2:23" ht="12" customHeight="1">
      <c r="B29" s="1699"/>
      <c r="C29" s="1700"/>
      <c r="D29" s="1700"/>
      <c r="E29" s="1701"/>
      <c r="F29" s="1704"/>
      <c r="G29" s="1706"/>
      <c r="H29" s="1706"/>
      <c r="I29" s="1706"/>
      <c r="J29" s="1706"/>
      <c r="K29" s="1706"/>
      <c r="L29" s="1707"/>
      <c r="P29" s="78"/>
      <c r="Q29" s="78"/>
      <c r="R29" s="78"/>
      <c r="S29" s="78"/>
      <c r="T29" s="78"/>
      <c r="U29" s="78"/>
      <c r="V29" s="78"/>
      <c r="W29" s="78"/>
    </row>
    <row r="30" spans="2:23" ht="12" customHeight="1" thickBot="1">
      <c r="B30" s="943"/>
      <c r="C30" s="944"/>
      <c r="D30" s="944"/>
      <c r="E30" s="1702"/>
      <c r="F30" s="1710"/>
      <c r="G30" s="1711"/>
      <c r="H30" s="1711"/>
      <c r="I30" s="1711"/>
      <c r="J30" s="1711"/>
      <c r="K30" s="1711"/>
      <c r="L30" s="1712"/>
      <c r="P30" s="1713"/>
      <c r="Q30" s="1715"/>
      <c r="R30" s="1716"/>
      <c r="S30" s="1716"/>
      <c r="T30" s="1713"/>
      <c r="U30" s="1714"/>
      <c r="V30" s="1714"/>
      <c r="W30" s="1714"/>
    </row>
    <row r="31" spans="2:23" ht="12.75" customHeight="1">
      <c r="B31" s="368"/>
      <c r="C31" s="368"/>
      <c r="D31" s="368"/>
      <c r="E31" s="368"/>
      <c r="F31" s="368"/>
      <c r="G31" s="368"/>
      <c r="H31" s="368"/>
      <c r="I31" s="368"/>
      <c r="J31" s="368"/>
      <c r="K31" s="368"/>
      <c r="L31" s="368"/>
      <c r="P31" s="1714"/>
      <c r="Q31" s="1716"/>
      <c r="R31" s="1716"/>
      <c r="S31" s="1716"/>
      <c r="T31" s="1717"/>
      <c r="U31" s="1718"/>
      <c r="V31" s="1718"/>
      <c r="W31" s="1718"/>
    </row>
    <row r="32" spans="2:23" ht="12">
      <c r="B32" s="564" t="s">
        <v>587</v>
      </c>
      <c r="P32" s="571"/>
      <c r="Q32" s="224"/>
      <c r="R32" s="395"/>
      <c r="S32" s="395"/>
      <c r="T32" s="395"/>
      <c r="U32" s="395"/>
      <c r="V32" s="78"/>
      <c r="W32" s="78"/>
    </row>
    <row r="33" spans="2:23" ht="12.6" thickBot="1">
      <c r="B33" s="564" t="s">
        <v>588</v>
      </c>
      <c r="P33" s="571"/>
      <c r="Q33" s="224"/>
      <c r="R33" s="395"/>
      <c r="S33" s="395"/>
      <c r="T33" s="395"/>
      <c r="U33" s="395"/>
      <c r="V33" s="78"/>
      <c r="W33" s="78"/>
    </row>
    <row r="34" spans="2:23" ht="20.100000000000001" customHeight="1">
      <c r="B34" s="1719" t="s">
        <v>304</v>
      </c>
      <c r="C34" s="1720"/>
      <c r="D34" s="396" t="s">
        <v>589</v>
      </c>
      <c r="E34" s="396"/>
      <c r="F34" s="396"/>
      <c r="G34" s="396"/>
      <c r="H34" s="397" t="s">
        <v>590</v>
      </c>
      <c r="I34" s="398"/>
      <c r="J34" s="398"/>
      <c r="K34" s="398"/>
      <c r="L34" s="399"/>
      <c r="P34" s="571"/>
      <c r="Q34" s="224"/>
      <c r="R34" s="395"/>
      <c r="S34" s="395"/>
      <c r="T34" s="395"/>
      <c r="U34" s="395"/>
      <c r="V34" s="78"/>
      <c r="W34" s="78"/>
    </row>
    <row r="35" spans="2:23" ht="20.100000000000001" customHeight="1">
      <c r="B35" s="1695" t="s">
        <v>305</v>
      </c>
      <c r="C35" s="1696"/>
      <c r="D35" s="400" t="s">
        <v>589</v>
      </c>
      <c r="E35" s="400"/>
      <c r="F35" s="400"/>
      <c r="G35" s="400"/>
      <c r="H35" s="401"/>
      <c r="I35" s="368"/>
      <c r="J35" s="368"/>
      <c r="K35" s="368"/>
      <c r="L35" s="402"/>
      <c r="P35" s="571"/>
      <c r="Q35" s="224"/>
      <c r="R35" s="395"/>
      <c r="S35" s="395"/>
      <c r="T35" s="395"/>
      <c r="U35" s="395"/>
      <c r="V35" s="78"/>
      <c r="W35" s="78"/>
    </row>
    <row r="36" spans="2:23" ht="20.100000000000001" customHeight="1">
      <c r="B36" s="1695" t="s">
        <v>591</v>
      </c>
      <c r="C36" s="1696"/>
      <c r="D36" s="400" t="s">
        <v>589</v>
      </c>
      <c r="E36" s="400"/>
      <c r="F36" s="400"/>
      <c r="G36" s="400"/>
      <c r="H36" s="401"/>
      <c r="I36" s="368"/>
      <c r="J36" s="368"/>
      <c r="K36" s="368"/>
      <c r="L36" s="402"/>
      <c r="P36" s="571"/>
      <c r="Q36" s="224"/>
      <c r="R36" s="395"/>
      <c r="S36" s="395"/>
      <c r="T36" s="395"/>
      <c r="U36" s="395"/>
      <c r="V36" s="78"/>
      <c r="W36" s="78"/>
    </row>
    <row r="37" spans="2:23" ht="20.100000000000001" customHeight="1" thickBot="1">
      <c r="B37" s="1722" t="s">
        <v>306</v>
      </c>
      <c r="C37" s="1723"/>
      <c r="D37" s="403" t="s">
        <v>589</v>
      </c>
      <c r="E37" s="403"/>
      <c r="F37" s="403"/>
      <c r="G37" s="403"/>
      <c r="H37" s="404"/>
      <c r="I37" s="405"/>
      <c r="J37" s="405"/>
      <c r="K37" s="405"/>
      <c r="L37" s="406"/>
    </row>
    <row r="39" spans="2:23" ht="18.75" customHeight="1" thickBot="1">
      <c r="B39" s="564" t="s">
        <v>592</v>
      </c>
      <c r="C39" s="564"/>
      <c r="D39" s="564"/>
      <c r="E39" s="564"/>
      <c r="F39" s="564"/>
      <c r="G39" s="564"/>
      <c r="H39" s="564"/>
      <c r="I39" s="564"/>
    </row>
    <row r="40" spans="2:23" ht="20.100000000000001" customHeight="1">
      <c r="B40" s="568"/>
      <c r="C40" s="535"/>
      <c r="D40" s="535"/>
      <c r="E40" s="535"/>
      <c r="F40" s="535"/>
      <c r="G40" s="535"/>
      <c r="H40" s="535"/>
      <c r="I40" s="535"/>
      <c r="J40" s="398"/>
      <c r="K40" s="398"/>
      <c r="L40" s="399"/>
      <c r="O40" s="78"/>
      <c r="P40" s="78"/>
      <c r="Q40" s="78"/>
      <c r="R40" s="78"/>
      <c r="S40" s="78"/>
      <c r="T40" s="78"/>
      <c r="U40" s="78"/>
      <c r="V40" s="78"/>
      <c r="W40" s="78"/>
    </row>
    <row r="41" spans="2:23" ht="20.100000000000001" customHeight="1" thickBot="1">
      <c r="B41" s="118"/>
      <c r="C41" s="536"/>
      <c r="D41" s="536"/>
      <c r="E41" s="536"/>
      <c r="F41" s="536"/>
      <c r="G41" s="536"/>
      <c r="H41" s="536"/>
      <c r="I41" s="536"/>
      <c r="J41" s="368"/>
      <c r="K41" s="368"/>
      <c r="L41" s="402"/>
      <c r="O41" s="78"/>
      <c r="P41" s="1715"/>
      <c r="Q41" s="1715"/>
      <c r="R41" s="1724"/>
      <c r="S41" s="1715"/>
      <c r="T41" s="1715"/>
      <c r="U41" s="571"/>
      <c r="V41" s="571"/>
      <c r="W41" s="78"/>
    </row>
    <row r="42" spans="2:23" ht="13.2">
      <c r="B42" s="569"/>
      <c r="C42" s="535"/>
      <c r="D42" s="535"/>
      <c r="E42" s="535"/>
      <c r="F42" s="535"/>
      <c r="G42" s="535"/>
      <c r="H42" s="535"/>
      <c r="I42" s="535"/>
      <c r="J42" s="398"/>
      <c r="K42" s="398"/>
      <c r="L42" s="398"/>
      <c r="O42" s="571"/>
      <c r="P42" s="78"/>
      <c r="Q42" s="78"/>
      <c r="R42" s="78"/>
      <c r="S42" s="78"/>
      <c r="T42" s="78"/>
      <c r="U42" s="78"/>
      <c r="V42" s="571"/>
      <c r="W42" s="571"/>
    </row>
    <row r="43" spans="2:23" ht="20.100000000000001" customHeight="1">
      <c r="B43" s="78" t="s">
        <v>593</v>
      </c>
      <c r="C43" s="536"/>
      <c r="D43" s="536"/>
      <c r="E43" s="536"/>
      <c r="F43" s="542"/>
      <c r="G43" s="542"/>
      <c r="H43" s="542"/>
      <c r="I43" s="536"/>
      <c r="J43" s="368"/>
      <c r="K43" s="368"/>
      <c r="L43" s="368"/>
      <c r="O43" s="571"/>
      <c r="P43" s="78"/>
      <c r="Q43" s="78"/>
      <c r="R43" s="78"/>
      <c r="S43" s="78"/>
      <c r="T43" s="78"/>
      <c r="U43" s="78"/>
      <c r="V43" s="571"/>
      <c r="W43" s="571"/>
    </row>
    <row r="44" spans="2:23" ht="13.2">
      <c r="B44" s="536"/>
      <c r="C44" s="536"/>
      <c r="D44" s="536"/>
      <c r="E44" s="536"/>
      <c r="F44" s="536"/>
      <c r="G44" s="536"/>
      <c r="H44" s="536"/>
      <c r="I44" s="536"/>
      <c r="J44" s="368"/>
      <c r="K44" s="368"/>
      <c r="L44" s="368"/>
      <c r="O44" s="573"/>
      <c r="P44" s="78"/>
      <c r="Q44" s="78"/>
      <c r="R44" s="78"/>
      <c r="S44" s="78"/>
      <c r="T44" s="78"/>
      <c r="U44" s="78"/>
      <c r="V44" s="78"/>
      <c r="W44" s="78"/>
    </row>
    <row r="46" spans="2:23" ht="12.6" thickBot="1">
      <c r="B46" s="564" t="s">
        <v>594</v>
      </c>
    </row>
    <row r="47" spans="2:23" ht="17.25" customHeight="1">
      <c r="B47" s="1725"/>
      <c r="C47" s="1726"/>
      <c r="D47" s="1727" t="s">
        <v>595</v>
      </c>
      <c r="E47" s="1728"/>
      <c r="F47" s="1728"/>
      <c r="G47" s="1728"/>
      <c r="H47" s="1720"/>
      <c r="I47" s="1728" t="s">
        <v>596</v>
      </c>
      <c r="J47" s="1728"/>
      <c r="K47" s="407" t="s">
        <v>144</v>
      </c>
      <c r="L47" s="408" t="s">
        <v>46</v>
      </c>
    </row>
    <row r="48" spans="2:23" ht="20.100000000000001" customHeight="1">
      <c r="B48" s="1695" t="s">
        <v>597</v>
      </c>
      <c r="C48" s="1721"/>
      <c r="D48" s="409"/>
      <c r="E48" s="400"/>
      <c r="F48" s="400"/>
      <c r="G48" s="400"/>
      <c r="H48" s="410"/>
      <c r="I48" s="400"/>
      <c r="J48" s="400"/>
      <c r="K48" s="411"/>
      <c r="L48" s="391"/>
    </row>
    <row r="49" spans="2:12" ht="20.100000000000001" customHeight="1">
      <c r="B49" s="1695" t="s">
        <v>598</v>
      </c>
      <c r="C49" s="1721"/>
      <c r="D49" s="409"/>
      <c r="E49" s="400"/>
      <c r="F49" s="400"/>
      <c r="G49" s="400"/>
      <c r="H49" s="410"/>
      <c r="I49" s="400"/>
      <c r="J49" s="400"/>
      <c r="K49" s="411"/>
      <c r="L49" s="391"/>
    </row>
    <row r="50" spans="2:12" ht="20.100000000000001" customHeight="1" thickBot="1">
      <c r="B50" s="412" t="s">
        <v>599</v>
      </c>
      <c r="C50" s="405"/>
      <c r="D50" s="405"/>
      <c r="E50" s="413"/>
      <c r="F50" s="405"/>
      <c r="G50" s="405"/>
      <c r="H50" s="405"/>
      <c r="I50" s="405"/>
      <c r="J50" s="405"/>
      <c r="K50" s="405"/>
      <c r="L50" s="406"/>
    </row>
    <row r="51" spans="2:12">
      <c r="H51" s="414"/>
    </row>
  </sheetData>
  <mergeCells count="27">
    <mergeCell ref="B48:C48"/>
    <mergeCell ref="B49:C49"/>
    <mergeCell ref="B36:C36"/>
    <mergeCell ref="B37:C37"/>
    <mergeCell ref="P41:T41"/>
    <mergeCell ref="B47:C47"/>
    <mergeCell ref="D47:H47"/>
    <mergeCell ref="I47:J47"/>
    <mergeCell ref="P30:P31"/>
    <mergeCell ref="Q30:S31"/>
    <mergeCell ref="T30:W30"/>
    <mergeCell ref="T31:W31"/>
    <mergeCell ref="B34:C34"/>
    <mergeCell ref="B35:C35"/>
    <mergeCell ref="B25:E30"/>
    <mergeCell ref="F25:F27"/>
    <mergeCell ref="G25:L25"/>
    <mergeCell ref="G26:L27"/>
    <mergeCell ref="F28:F30"/>
    <mergeCell ref="G29:L30"/>
    <mergeCell ref="F1:L1"/>
    <mergeCell ref="F2:L2"/>
    <mergeCell ref="B4:L9"/>
    <mergeCell ref="G13:K13"/>
    <mergeCell ref="B24:F24"/>
    <mergeCell ref="G24:H24"/>
    <mergeCell ref="I24:L24"/>
  </mergeCells>
  <phoneticPr fontId="3"/>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1443" r:id="rId4" name="Check Box 3">
              <controlPr defaultSize="0" autoFill="0" autoLine="0" autoPict="0">
                <anchor moveWithCells="1">
                  <from>
                    <xdr:col>6</xdr:col>
                    <xdr:colOff>91440</xdr:colOff>
                    <xdr:row>12</xdr:row>
                    <xdr:rowOff>182880</xdr:rowOff>
                  </from>
                  <to>
                    <xdr:col>6</xdr:col>
                    <xdr:colOff>525780</xdr:colOff>
                    <xdr:row>14</xdr:row>
                    <xdr:rowOff>38100</xdr:rowOff>
                  </to>
                </anchor>
              </controlPr>
            </control>
          </mc:Choice>
        </mc:AlternateContent>
        <mc:AlternateContent xmlns:mc="http://schemas.openxmlformats.org/markup-compatibility/2006">
          <mc:Choice Requires="x14">
            <control shapeId="61444" r:id="rId5" name="Check Box 4">
              <controlPr defaultSize="0" autoFill="0" autoLine="0" autoPict="0">
                <anchor moveWithCells="1">
                  <from>
                    <xdr:col>7</xdr:col>
                    <xdr:colOff>38100</xdr:colOff>
                    <xdr:row>13</xdr:row>
                    <xdr:rowOff>0</xdr:rowOff>
                  </from>
                  <to>
                    <xdr:col>7</xdr:col>
                    <xdr:colOff>464820</xdr:colOff>
                    <xdr:row>14</xdr:row>
                    <xdr:rowOff>22860</xdr:rowOff>
                  </to>
                </anchor>
              </controlPr>
            </control>
          </mc:Choice>
        </mc:AlternateContent>
        <mc:AlternateContent xmlns:mc="http://schemas.openxmlformats.org/markup-compatibility/2006">
          <mc:Choice Requires="x14">
            <control shapeId="61445" r:id="rId6" name="Check Box 5">
              <controlPr defaultSize="0" autoFill="0" autoLine="0" autoPict="0">
                <anchor moveWithCells="1">
                  <from>
                    <xdr:col>6</xdr:col>
                    <xdr:colOff>91440</xdr:colOff>
                    <xdr:row>13</xdr:row>
                    <xdr:rowOff>182880</xdr:rowOff>
                  </from>
                  <to>
                    <xdr:col>6</xdr:col>
                    <xdr:colOff>525780</xdr:colOff>
                    <xdr:row>15</xdr:row>
                    <xdr:rowOff>38100</xdr:rowOff>
                  </to>
                </anchor>
              </controlPr>
            </control>
          </mc:Choice>
        </mc:AlternateContent>
        <mc:AlternateContent xmlns:mc="http://schemas.openxmlformats.org/markup-compatibility/2006">
          <mc:Choice Requires="x14">
            <control shapeId="61446" r:id="rId7" name="Check Box 6">
              <controlPr defaultSize="0" autoFill="0" autoLine="0" autoPict="0">
                <anchor moveWithCells="1">
                  <from>
                    <xdr:col>7</xdr:col>
                    <xdr:colOff>38100</xdr:colOff>
                    <xdr:row>14</xdr:row>
                    <xdr:rowOff>0</xdr:rowOff>
                  </from>
                  <to>
                    <xdr:col>7</xdr:col>
                    <xdr:colOff>464820</xdr:colOff>
                    <xdr:row>15</xdr:row>
                    <xdr:rowOff>22860</xdr:rowOff>
                  </to>
                </anchor>
              </controlPr>
            </control>
          </mc:Choice>
        </mc:AlternateContent>
        <mc:AlternateContent xmlns:mc="http://schemas.openxmlformats.org/markup-compatibility/2006">
          <mc:Choice Requires="x14">
            <control shapeId="61447" r:id="rId8" name="Check Box 7">
              <controlPr defaultSize="0" autoFill="0" autoLine="0" autoPict="0">
                <anchor moveWithCells="1">
                  <from>
                    <xdr:col>6</xdr:col>
                    <xdr:colOff>91440</xdr:colOff>
                    <xdr:row>14</xdr:row>
                    <xdr:rowOff>175260</xdr:rowOff>
                  </from>
                  <to>
                    <xdr:col>8</xdr:col>
                    <xdr:colOff>198120</xdr:colOff>
                    <xdr:row>16</xdr:row>
                    <xdr:rowOff>30480</xdr:rowOff>
                  </to>
                </anchor>
              </controlPr>
            </control>
          </mc:Choice>
        </mc:AlternateContent>
        <mc:AlternateContent xmlns:mc="http://schemas.openxmlformats.org/markup-compatibility/2006">
          <mc:Choice Requires="x14">
            <control shapeId="61448" r:id="rId9" name="Check Box 8">
              <controlPr defaultSize="0" autoFill="0" autoLine="0" autoPict="0">
                <anchor moveWithCells="1">
                  <from>
                    <xdr:col>8</xdr:col>
                    <xdr:colOff>175260</xdr:colOff>
                    <xdr:row>14</xdr:row>
                    <xdr:rowOff>190500</xdr:rowOff>
                  </from>
                  <to>
                    <xdr:col>10</xdr:col>
                    <xdr:colOff>289560</xdr:colOff>
                    <xdr:row>16</xdr:row>
                    <xdr:rowOff>22860</xdr:rowOff>
                  </to>
                </anchor>
              </controlPr>
            </control>
          </mc:Choice>
        </mc:AlternateContent>
        <mc:AlternateContent xmlns:mc="http://schemas.openxmlformats.org/markup-compatibility/2006">
          <mc:Choice Requires="x14">
            <control shapeId="61449" r:id="rId10" name="Check Box 9">
              <controlPr defaultSize="0" autoFill="0" autoLine="0" autoPict="0">
                <anchor moveWithCells="1">
                  <from>
                    <xdr:col>6</xdr:col>
                    <xdr:colOff>83820</xdr:colOff>
                    <xdr:row>17</xdr:row>
                    <xdr:rowOff>137160</xdr:rowOff>
                  </from>
                  <to>
                    <xdr:col>8</xdr:col>
                    <xdr:colOff>190500</xdr:colOff>
                    <xdr:row>19</xdr:row>
                    <xdr:rowOff>38100</xdr:rowOff>
                  </to>
                </anchor>
              </controlPr>
            </control>
          </mc:Choice>
        </mc:AlternateContent>
        <mc:AlternateContent xmlns:mc="http://schemas.openxmlformats.org/markup-compatibility/2006">
          <mc:Choice Requires="x14">
            <control shapeId="61450" r:id="rId11" name="Check Box 10">
              <controlPr defaultSize="0" autoFill="0" autoLine="0" autoPict="0">
                <anchor moveWithCells="1">
                  <from>
                    <xdr:col>8</xdr:col>
                    <xdr:colOff>167640</xdr:colOff>
                    <xdr:row>17</xdr:row>
                    <xdr:rowOff>152400</xdr:rowOff>
                  </from>
                  <to>
                    <xdr:col>10</xdr:col>
                    <xdr:colOff>281940</xdr:colOff>
                    <xdr:row>19</xdr:row>
                    <xdr:rowOff>30480</xdr:rowOff>
                  </to>
                </anchor>
              </controlPr>
            </control>
          </mc:Choice>
        </mc:AlternateContent>
        <mc:AlternateContent xmlns:mc="http://schemas.openxmlformats.org/markup-compatibility/2006">
          <mc:Choice Requires="x14">
            <control shapeId="61451" r:id="rId12" name="Check Box 11">
              <controlPr defaultSize="0" autoFill="0" autoLine="0" autoPict="0">
                <anchor moveWithCells="1">
                  <from>
                    <xdr:col>6</xdr:col>
                    <xdr:colOff>83820</xdr:colOff>
                    <xdr:row>18</xdr:row>
                    <xdr:rowOff>175260</xdr:rowOff>
                  </from>
                  <to>
                    <xdr:col>8</xdr:col>
                    <xdr:colOff>190500</xdr:colOff>
                    <xdr:row>20</xdr:row>
                    <xdr:rowOff>30480</xdr:rowOff>
                  </to>
                </anchor>
              </controlPr>
            </control>
          </mc:Choice>
        </mc:AlternateContent>
        <mc:AlternateContent xmlns:mc="http://schemas.openxmlformats.org/markup-compatibility/2006">
          <mc:Choice Requires="x14">
            <control shapeId="61452" r:id="rId13" name="Check Box 12">
              <controlPr defaultSize="0" autoFill="0" autoLine="0" autoPict="0">
                <anchor moveWithCells="1">
                  <from>
                    <xdr:col>8</xdr:col>
                    <xdr:colOff>167640</xdr:colOff>
                    <xdr:row>18</xdr:row>
                    <xdr:rowOff>190500</xdr:rowOff>
                  </from>
                  <to>
                    <xdr:col>10</xdr:col>
                    <xdr:colOff>281940</xdr:colOff>
                    <xdr:row>20</xdr:row>
                    <xdr:rowOff>22860</xdr:rowOff>
                  </to>
                </anchor>
              </controlPr>
            </control>
          </mc:Choice>
        </mc:AlternateContent>
        <mc:AlternateContent xmlns:mc="http://schemas.openxmlformats.org/markup-compatibility/2006">
          <mc:Choice Requires="x14">
            <control shapeId="61453" r:id="rId14" name="Check Box 13">
              <controlPr defaultSize="0" autoFill="0" autoLine="0" autoPict="0">
                <anchor moveWithCells="1">
                  <from>
                    <xdr:col>5</xdr:col>
                    <xdr:colOff>0</xdr:colOff>
                    <xdr:row>42</xdr:row>
                    <xdr:rowOff>30480</xdr:rowOff>
                  </from>
                  <to>
                    <xdr:col>5</xdr:col>
                    <xdr:colOff>434340</xdr:colOff>
                    <xdr:row>43</xdr:row>
                    <xdr:rowOff>45720</xdr:rowOff>
                  </to>
                </anchor>
              </controlPr>
            </control>
          </mc:Choice>
        </mc:AlternateContent>
        <mc:AlternateContent xmlns:mc="http://schemas.openxmlformats.org/markup-compatibility/2006">
          <mc:Choice Requires="x14">
            <control shapeId="61454" r:id="rId15" name="Check Box 14">
              <controlPr defaultSize="0" autoFill="0" autoLine="0" autoPict="0">
                <anchor moveWithCells="1">
                  <from>
                    <xdr:col>5</xdr:col>
                    <xdr:colOff>502920</xdr:colOff>
                    <xdr:row>42</xdr:row>
                    <xdr:rowOff>53340</xdr:rowOff>
                  </from>
                  <to>
                    <xdr:col>6</xdr:col>
                    <xdr:colOff>373380</xdr:colOff>
                    <xdr:row>43</xdr:row>
                    <xdr:rowOff>30480</xdr:rowOff>
                  </to>
                </anchor>
              </controlPr>
            </control>
          </mc:Choice>
        </mc:AlternateContent>
      </controls>
    </mc:Choice>
  </mc:AlternateContent>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dimension ref="B1:U47"/>
  <sheetViews>
    <sheetView view="pageBreakPreview" zoomScaleNormal="100" zoomScaleSheetLayoutView="100" workbookViewId="0">
      <selection activeCell="K15" sqref="K15"/>
    </sheetView>
  </sheetViews>
  <sheetFormatPr defaultRowHeight="10.8"/>
  <cols>
    <col min="1" max="1" width="2.77734375" style="576" customWidth="1"/>
    <col min="2" max="2" width="9.77734375" style="576" customWidth="1"/>
    <col min="3" max="10" width="9.44140625" style="576" customWidth="1"/>
    <col min="11" max="256" width="9" style="576"/>
    <col min="257" max="257" width="2.77734375" style="576" customWidth="1"/>
    <col min="258" max="258" width="9.77734375" style="576" customWidth="1"/>
    <col min="259" max="266" width="9.44140625" style="576" customWidth="1"/>
    <col min="267" max="512" width="9" style="576"/>
    <col min="513" max="513" width="2.77734375" style="576" customWidth="1"/>
    <col min="514" max="514" width="9.77734375" style="576" customWidth="1"/>
    <col min="515" max="522" width="9.44140625" style="576" customWidth="1"/>
    <col min="523" max="768" width="9" style="576"/>
    <col min="769" max="769" width="2.77734375" style="576" customWidth="1"/>
    <col min="770" max="770" width="9.77734375" style="576" customWidth="1"/>
    <col min="771" max="778" width="9.44140625" style="576" customWidth="1"/>
    <col min="779" max="1024" width="9" style="576"/>
    <col min="1025" max="1025" width="2.77734375" style="576" customWidth="1"/>
    <col min="1026" max="1026" width="9.77734375" style="576" customWidth="1"/>
    <col min="1027" max="1034" width="9.44140625" style="576" customWidth="1"/>
    <col min="1035" max="1280" width="9" style="576"/>
    <col min="1281" max="1281" width="2.77734375" style="576" customWidth="1"/>
    <col min="1282" max="1282" width="9.77734375" style="576" customWidth="1"/>
    <col min="1283" max="1290" width="9.44140625" style="576" customWidth="1"/>
    <col min="1291" max="1536" width="9" style="576"/>
    <col min="1537" max="1537" width="2.77734375" style="576" customWidth="1"/>
    <col min="1538" max="1538" width="9.77734375" style="576" customWidth="1"/>
    <col min="1539" max="1546" width="9.44140625" style="576" customWidth="1"/>
    <col min="1547" max="1792" width="9" style="576"/>
    <col min="1793" max="1793" width="2.77734375" style="576" customWidth="1"/>
    <col min="1794" max="1794" width="9.77734375" style="576" customWidth="1"/>
    <col min="1795" max="1802" width="9.44140625" style="576" customWidth="1"/>
    <col min="1803" max="2048" width="9" style="576"/>
    <col min="2049" max="2049" width="2.77734375" style="576" customWidth="1"/>
    <col min="2050" max="2050" width="9.77734375" style="576" customWidth="1"/>
    <col min="2051" max="2058" width="9.44140625" style="576" customWidth="1"/>
    <col min="2059" max="2304" width="9" style="576"/>
    <col min="2305" max="2305" width="2.77734375" style="576" customWidth="1"/>
    <col min="2306" max="2306" width="9.77734375" style="576" customWidth="1"/>
    <col min="2307" max="2314" width="9.44140625" style="576" customWidth="1"/>
    <col min="2315" max="2560" width="9" style="576"/>
    <col min="2561" max="2561" width="2.77734375" style="576" customWidth="1"/>
    <col min="2562" max="2562" width="9.77734375" style="576" customWidth="1"/>
    <col min="2563" max="2570" width="9.44140625" style="576" customWidth="1"/>
    <col min="2571" max="2816" width="9" style="576"/>
    <col min="2817" max="2817" width="2.77734375" style="576" customWidth="1"/>
    <col min="2818" max="2818" width="9.77734375" style="576" customWidth="1"/>
    <col min="2819" max="2826" width="9.44140625" style="576" customWidth="1"/>
    <col min="2827" max="3072" width="9" style="576"/>
    <col min="3073" max="3073" width="2.77734375" style="576" customWidth="1"/>
    <col min="3074" max="3074" width="9.77734375" style="576" customWidth="1"/>
    <col min="3075" max="3082" width="9.44140625" style="576" customWidth="1"/>
    <col min="3083" max="3328" width="9" style="576"/>
    <col min="3329" max="3329" width="2.77734375" style="576" customWidth="1"/>
    <col min="3330" max="3330" width="9.77734375" style="576" customWidth="1"/>
    <col min="3331" max="3338" width="9.44140625" style="576" customWidth="1"/>
    <col min="3339" max="3584" width="9" style="576"/>
    <col min="3585" max="3585" width="2.77734375" style="576" customWidth="1"/>
    <col min="3586" max="3586" width="9.77734375" style="576" customWidth="1"/>
    <col min="3587" max="3594" width="9.44140625" style="576" customWidth="1"/>
    <col min="3595" max="3840" width="9" style="576"/>
    <col min="3841" max="3841" width="2.77734375" style="576" customWidth="1"/>
    <col min="3842" max="3842" width="9.77734375" style="576" customWidth="1"/>
    <col min="3843" max="3850" width="9.44140625" style="576" customWidth="1"/>
    <col min="3851" max="4096" width="9" style="576"/>
    <col min="4097" max="4097" width="2.77734375" style="576" customWidth="1"/>
    <col min="4098" max="4098" width="9.77734375" style="576" customWidth="1"/>
    <col min="4099" max="4106" width="9.44140625" style="576" customWidth="1"/>
    <col min="4107" max="4352" width="9" style="576"/>
    <col min="4353" max="4353" width="2.77734375" style="576" customWidth="1"/>
    <col min="4354" max="4354" width="9.77734375" style="576" customWidth="1"/>
    <col min="4355" max="4362" width="9.44140625" style="576" customWidth="1"/>
    <col min="4363" max="4608" width="9" style="576"/>
    <col min="4609" max="4609" width="2.77734375" style="576" customWidth="1"/>
    <col min="4610" max="4610" width="9.77734375" style="576" customWidth="1"/>
    <col min="4611" max="4618" width="9.44140625" style="576" customWidth="1"/>
    <col min="4619" max="4864" width="9" style="576"/>
    <col min="4865" max="4865" width="2.77734375" style="576" customWidth="1"/>
    <col min="4866" max="4866" width="9.77734375" style="576" customWidth="1"/>
    <col min="4867" max="4874" width="9.44140625" style="576" customWidth="1"/>
    <col min="4875" max="5120" width="9" style="576"/>
    <col min="5121" max="5121" width="2.77734375" style="576" customWidth="1"/>
    <col min="5122" max="5122" width="9.77734375" style="576" customWidth="1"/>
    <col min="5123" max="5130" width="9.44140625" style="576" customWidth="1"/>
    <col min="5131" max="5376" width="9" style="576"/>
    <col min="5377" max="5377" width="2.77734375" style="576" customWidth="1"/>
    <col min="5378" max="5378" width="9.77734375" style="576" customWidth="1"/>
    <col min="5379" max="5386" width="9.44140625" style="576" customWidth="1"/>
    <col min="5387" max="5632" width="9" style="576"/>
    <col min="5633" max="5633" width="2.77734375" style="576" customWidth="1"/>
    <col min="5634" max="5634" width="9.77734375" style="576" customWidth="1"/>
    <col min="5635" max="5642" width="9.44140625" style="576" customWidth="1"/>
    <col min="5643" max="5888" width="9" style="576"/>
    <col min="5889" max="5889" width="2.77734375" style="576" customWidth="1"/>
    <col min="5890" max="5890" width="9.77734375" style="576" customWidth="1"/>
    <col min="5891" max="5898" width="9.44140625" style="576" customWidth="1"/>
    <col min="5899" max="6144" width="9" style="576"/>
    <col min="6145" max="6145" width="2.77734375" style="576" customWidth="1"/>
    <col min="6146" max="6146" width="9.77734375" style="576" customWidth="1"/>
    <col min="6147" max="6154" width="9.44140625" style="576" customWidth="1"/>
    <col min="6155" max="6400" width="9" style="576"/>
    <col min="6401" max="6401" width="2.77734375" style="576" customWidth="1"/>
    <col min="6402" max="6402" width="9.77734375" style="576" customWidth="1"/>
    <col min="6403" max="6410" width="9.44140625" style="576" customWidth="1"/>
    <col min="6411" max="6656" width="9" style="576"/>
    <col min="6657" max="6657" width="2.77734375" style="576" customWidth="1"/>
    <col min="6658" max="6658" width="9.77734375" style="576" customWidth="1"/>
    <col min="6659" max="6666" width="9.44140625" style="576" customWidth="1"/>
    <col min="6667" max="6912" width="9" style="576"/>
    <col min="6913" max="6913" width="2.77734375" style="576" customWidth="1"/>
    <col min="6914" max="6914" width="9.77734375" style="576" customWidth="1"/>
    <col min="6915" max="6922" width="9.44140625" style="576" customWidth="1"/>
    <col min="6923" max="7168" width="9" style="576"/>
    <col min="7169" max="7169" width="2.77734375" style="576" customWidth="1"/>
    <col min="7170" max="7170" width="9.77734375" style="576" customWidth="1"/>
    <col min="7171" max="7178" width="9.44140625" style="576" customWidth="1"/>
    <col min="7179" max="7424" width="9" style="576"/>
    <col min="7425" max="7425" width="2.77734375" style="576" customWidth="1"/>
    <col min="7426" max="7426" width="9.77734375" style="576" customWidth="1"/>
    <col min="7427" max="7434" width="9.44140625" style="576" customWidth="1"/>
    <col min="7435" max="7680" width="9" style="576"/>
    <col min="7681" max="7681" width="2.77734375" style="576" customWidth="1"/>
    <col min="7682" max="7682" width="9.77734375" style="576" customWidth="1"/>
    <col min="7683" max="7690" width="9.44140625" style="576" customWidth="1"/>
    <col min="7691" max="7936" width="9" style="576"/>
    <col min="7937" max="7937" width="2.77734375" style="576" customWidth="1"/>
    <col min="7938" max="7938" width="9.77734375" style="576" customWidth="1"/>
    <col min="7939" max="7946" width="9.44140625" style="576" customWidth="1"/>
    <col min="7947" max="8192" width="9" style="576"/>
    <col min="8193" max="8193" width="2.77734375" style="576" customWidth="1"/>
    <col min="8194" max="8194" width="9.77734375" style="576" customWidth="1"/>
    <col min="8195" max="8202" width="9.44140625" style="576" customWidth="1"/>
    <col min="8203" max="8448" width="9" style="576"/>
    <col min="8449" max="8449" width="2.77734375" style="576" customWidth="1"/>
    <col min="8450" max="8450" width="9.77734375" style="576" customWidth="1"/>
    <col min="8451" max="8458" width="9.44140625" style="576" customWidth="1"/>
    <col min="8459" max="8704" width="9" style="576"/>
    <col min="8705" max="8705" width="2.77734375" style="576" customWidth="1"/>
    <col min="8706" max="8706" width="9.77734375" style="576" customWidth="1"/>
    <col min="8707" max="8714" width="9.44140625" style="576" customWidth="1"/>
    <col min="8715" max="8960" width="9" style="576"/>
    <col min="8961" max="8961" width="2.77734375" style="576" customWidth="1"/>
    <col min="8962" max="8962" width="9.77734375" style="576" customWidth="1"/>
    <col min="8963" max="8970" width="9.44140625" style="576" customWidth="1"/>
    <col min="8971" max="9216" width="9" style="576"/>
    <col min="9217" max="9217" width="2.77734375" style="576" customWidth="1"/>
    <col min="9218" max="9218" width="9.77734375" style="576" customWidth="1"/>
    <col min="9219" max="9226" width="9.44140625" style="576" customWidth="1"/>
    <col min="9227" max="9472" width="9" style="576"/>
    <col min="9473" max="9473" width="2.77734375" style="576" customWidth="1"/>
    <col min="9474" max="9474" width="9.77734375" style="576" customWidth="1"/>
    <col min="9475" max="9482" width="9.44140625" style="576" customWidth="1"/>
    <col min="9483" max="9728" width="9" style="576"/>
    <col min="9729" max="9729" width="2.77734375" style="576" customWidth="1"/>
    <col min="9730" max="9730" width="9.77734375" style="576" customWidth="1"/>
    <col min="9731" max="9738" width="9.44140625" style="576" customWidth="1"/>
    <col min="9739" max="9984" width="9" style="576"/>
    <col min="9985" max="9985" width="2.77734375" style="576" customWidth="1"/>
    <col min="9986" max="9986" width="9.77734375" style="576" customWidth="1"/>
    <col min="9987" max="9994" width="9.44140625" style="576" customWidth="1"/>
    <col min="9995" max="10240" width="9" style="576"/>
    <col min="10241" max="10241" width="2.77734375" style="576" customWidth="1"/>
    <col min="10242" max="10242" width="9.77734375" style="576" customWidth="1"/>
    <col min="10243" max="10250" width="9.44140625" style="576" customWidth="1"/>
    <col min="10251" max="10496" width="9" style="576"/>
    <col min="10497" max="10497" width="2.77734375" style="576" customWidth="1"/>
    <col min="10498" max="10498" width="9.77734375" style="576" customWidth="1"/>
    <col min="10499" max="10506" width="9.44140625" style="576" customWidth="1"/>
    <col min="10507" max="10752" width="9" style="576"/>
    <col min="10753" max="10753" width="2.77734375" style="576" customWidth="1"/>
    <col min="10754" max="10754" width="9.77734375" style="576" customWidth="1"/>
    <col min="10755" max="10762" width="9.44140625" style="576" customWidth="1"/>
    <col min="10763" max="11008" width="9" style="576"/>
    <col min="11009" max="11009" width="2.77734375" style="576" customWidth="1"/>
    <col min="11010" max="11010" width="9.77734375" style="576" customWidth="1"/>
    <col min="11011" max="11018" width="9.44140625" style="576" customWidth="1"/>
    <col min="11019" max="11264" width="9" style="576"/>
    <col min="11265" max="11265" width="2.77734375" style="576" customWidth="1"/>
    <col min="11266" max="11266" width="9.77734375" style="576" customWidth="1"/>
    <col min="11267" max="11274" width="9.44140625" style="576" customWidth="1"/>
    <col min="11275" max="11520" width="9" style="576"/>
    <col min="11521" max="11521" width="2.77734375" style="576" customWidth="1"/>
    <col min="11522" max="11522" width="9.77734375" style="576" customWidth="1"/>
    <col min="11523" max="11530" width="9.44140625" style="576" customWidth="1"/>
    <col min="11531" max="11776" width="9" style="576"/>
    <col min="11777" max="11777" width="2.77734375" style="576" customWidth="1"/>
    <col min="11778" max="11778" width="9.77734375" style="576" customWidth="1"/>
    <col min="11779" max="11786" width="9.44140625" style="576" customWidth="1"/>
    <col min="11787" max="12032" width="9" style="576"/>
    <col min="12033" max="12033" width="2.77734375" style="576" customWidth="1"/>
    <col min="12034" max="12034" width="9.77734375" style="576" customWidth="1"/>
    <col min="12035" max="12042" width="9.44140625" style="576" customWidth="1"/>
    <col min="12043" max="12288" width="9" style="576"/>
    <col min="12289" max="12289" width="2.77734375" style="576" customWidth="1"/>
    <col min="12290" max="12290" width="9.77734375" style="576" customWidth="1"/>
    <col min="12291" max="12298" width="9.44140625" style="576" customWidth="1"/>
    <col min="12299" max="12544" width="9" style="576"/>
    <col min="12545" max="12545" width="2.77734375" style="576" customWidth="1"/>
    <col min="12546" max="12546" width="9.77734375" style="576" customWidth="1"/>
    <col min="12547" max="12554" width="9.44140625" style="576" customWidth="1"/>
    <col min="12555" max="12800" width="9" style="576"/>
    <col min="12801" max="12801" width="2.77734375" style="576" customWidth="1"/>
    <col min="12802" max="12802" width="9.77734375" style="576" customWidth="1"/>
    <col min="12803" max="12810" width="9.44140625" style="576" customWidth="1"/>
    <col min="12811" max="13056" width="9" style="576"/>
    <col min="13057" max="13057" width="2.77734375" style="576" customWidth="1"/>
    <col min="13058" max="13058" width="9.77734375" style="576" customWidth="1"/>
    <col min="13059" max="13066" width="9.44140625" style="576" customWidth="1"/>
    <col min="13067" max="13312" width="9" style="576"/>
    <col min="13313" max="13313" width="2.77734375" style="576" customWidth="1"/>
    <col min="13314" max="13314" width="9.77734375" style="576" customWidth="1"/>
    <col min="13315" max="13322" width="9.44140625" style="576" customWidth="1"/>
    <col min="13323" max="13568" width="9" style="576"/>
    <col min="13569" max="13569" width="2.77734375" style="576" customWidth="1"/>
    <col min="13570" max="13570" width="9.77734375" style="576" customWidth="1"/>
    <col min="13571" max="13578" width="9.44140625" style="576" customWidth="1"/>
    <col min="13579" max="13824" width="9" style="576"/>
    <col min="13825" max="13825" width="2.77734375" style="576" customWidth="1"/>
    <col min="13826" max="13826" width="9.77734375" style="576" customWidth="1"/>
    <col min="13827" max="13834" width="9.44140625" style="576" customWidth="1"/>
    <col min="13835" max="14080" width="9" style="576"/>
    <col min="14081" max="14081" width="2.77734375" style="576" customWidth="1"/>
    <col min="14082" max="14082" width="9.77734375" style="576" customWidth="1"/>
    <col min="14083" max="14090" width="9.44140625" style="576" customWidth="1"/>
    <col min="14091" max="14336" width="9" style="576"/>
    <col min="14337" max="14337" width="2.77734375" style="576" customWidth="1"/>
    <col min="14338" max="14338" width="9.77734375" style="576" customWidth="1"/>
    <col min="14339" max="14346" width="9.44140625" style="576" customWidth="1"/>
    <col min="14347" max="14592" width="9" style="576"/>
    <col min="14593" max="14593" width="2.77734375" style="576" customWidth="1"/>
    <col min="14594" max="14594" width="9.77734375" style="576" customWidth="1"/>
    <col min="14595" max="14602" width="9.44140625" style="576" customWidth="1"/>
    <col min="14603" max="14848" width="9" style="576"/>
    <col min="14849" max="14849" width="2.77734375" style="576" customWidth="1"/>
    <col min="14850" max="14850" width="9.77734375" style="576" customWidth="1"/>
    <col min="14851" max="14858" width="9.44140625" style="576" customWidth="1"/>
    <col min="14859" max="15104" width="9" style="576"/>
    <col min="15105" max="15105" width="2.77734375" style="576" customWidth="1"/>
    <col min="15106" max="15106" width="9.77734375" style="576" customWidth="1"/>
    <col min="15107" max="15114" width="9.44140625" style="576" customWidth="1"/>
    <col min="15115" max="15360" width="9" style="576"/>
    <col min="15361" max="15361" width="2.77734375" style="576" customWidth="1"/>
    <col min="15362" max="15362" width="9.77734375" style="576" customWidth="1"/>
    <col min="15363" max="15370" width="9.44140625" style="576" customWidth="1"/>
    <col min="15371" max="15616" width="9" style="576"/>
    <col min="15617" max="15617" width="2.77734375" style="576" customWidth="1"/>
    <col min="15618" max="15618" width="9.77734375" style="576" customWidth="1"/>
    <col min="15619" max="15626" width="9.44140625" style="576" customWidth="1"/>
    <col min="15627" max="15872" width="9" style="576"/>
    <col min="15873" max="15873" width="2.77734375" style="576" customWidth="1"/>
    <col min="15874" max="15874" width="9.77734375" style="576" customWidth="1"/>
    <col min="15875" max="15882" width="9.44140625" style="576" customWidth="1"/>
    <col min="15883" max="16128" width="9" style="576"/>
    <col min="16129" max="16129" width="2.77734375" style="576" customWidth="1"/>
    <col min="16130" max="16130" width="9.77734375" style="576" customWidth="1"/>
    <col min="16131" max="16138" width="9.44140625" style="576" customWidth="1"/>
    <col min="16139" max="16384" width="9" style="576"/>
  </cols>
  <sheetData>
    <row r="1" spans="2:21" ht="16.5" customHeight="1" thickBot="1">
      <c r="B1" s="576" t="s">
        <v>600</v>
      </c>
    </row>
    <row r="2" spans="2:21" ht="20.100000000000001" customHeight="1" thickBot="1">
      <c r="B2" s="415" t="s">
        <v>601</v>
      </c>
      <c r="C2" s="396"/>
      <c r="D2" s="396"/>
      <c r="E2" s="416" t="s">
        <v>602</v>
      </c>
      <c r="F2" s="412"/>
      <c r="G2" s="405"/>
      <c r="H2" s="405"/>
      <c r="I2" s="405"/>
      <c r="J2" s="405"/>
    </row>
    <row r="3" spans="2:21" ht="20.100000000000001" customHeight="1" thickBot="1">
      <c r="B3" s="417" t="s">
        <v>603</v>
      </c>
      <c r="C3" s="403"/>
      <c r="D3" s="403"/>
      <c r="E3" s="403"/>
      <c r="F3" s="405"/>
      <c r="G3" s="405"/>
      <c r="H3" s="405"/>
      <c r="I3" s="405"/>
      <c r="J3" s="406"/>
      <c r="M3" s="78"/>
      <c r="N3" s="78"/>
      <c r="O3" s="78"/>
      <c r="P3" s="78"/>
      <c r="Q3" s="78"/>
      <c r="R3" s="78"/>
      <c r="S3" s="78"/>
      <c r="T3" s="78"/>
      <c r="U3" s="78"/>
    </row>
    <row r="4" spans="2:21" ht="13.2">
      <c r="M4" s="1715"/>
      <c r="N4" s="1716"/>
      <c r="O4" s="1306"/>
      <c r="P4" s="1735"/>
      <c r="Q4" s="1736"/>
      <c r="R4" s="1737"/>
      <c r="S4" s="1737"/>
      <c r="T4" s="1737"/>
      <c r="U4" s="1737"/>
    </row>
    <row r="5" spans="2:21" ht="26.25" customHeight="1" thickBot="1">
      <c r="B5" s="388" t="s">
        <v>604</v>
      </c>
      <c r="C5" s="388"/>
      <c r="D5" s="388"/>
      <c r="E5" s="728"/>
      <c r="F5" s="729"/>
      <c r="G5" s="729"/>
      <c r="H5" s="729"/>
      <c r="I5" s="729"/>
      <c r="J5" s="729"/>
      <c r="S5" s="564"/>
      <c r="T5" s="564"/>
      <c r="U5" s="564"/>
    </row>
    <row r="6" spans="2:21" s="716" customFormat="1" ht="12.6" thickBot="1">
      <c r="B6" s="711" t="s">
        <v>976</v>
      </c>
      <c r="C6" s="1729"/>
      <c r="D6" s="1730"/>
      <c r="E6" s="1730"/>
      <c r="F6" s="1730"/>
      <c r="G6" s="1730"/>
      <c r="H6" s="1731" t="s">
        <v>977</v>
      </c>
      <c r="I6" s="1731"/>
      <c r="J6" s="1732"/>
      <c r="S6" s="714"/>
      <c r="T6" s="714"/>
      <c r="U6" s="714"/>
    </row>
    <row r="7" spans="2:21" ht="12">
      <c r="B7" s="538" t="s">
        <v>605</v>
      </c>
      <c r="C7" s="374" t="s">
        <v>606</v>
      </c>
      <c r="D7" s="567" t="s">
        <v>607</v>
      </c>
      <c r="E7" s="418" t="s">
        <v>605</v>
      </c>
      <c r="F7" s="567" t="s">
        <v>606</v>
      </c>
      <c r="G7" s="419" t="s">
        <v>607</v>
      </c>
      <c r="H7" s="539" t="s">
        <v>605</v>
      </c>
      <c r="I7" s="534" t="s">
        <v>606</v>
      </c>
      <c r="J7" s="419" t="s">
        <v>607</v>
      </c>
    </row>
    <row r="8" spans="2:21" ht="16.5" customHeight="1">
      <c r="B8" s="724" t="s">
        <v>1086</v>
      </c>
      <c r="C8" s="420"/>
      <c r="D8" s="421"/>
      <c r="E8" s="724" t="s">
        <v>1090</v>
      </c>
      <c r="F8" s="422"/>
      <c r="G8" s="423"/>
      <c r="H8" s="724" t="s">
        <v>1094</v>
      </c>
      <c r="I8" s="420"/>
      <c r="J8" s="421"/>
    </row>
    <row r="9" spans="2:21" ht="16.5" customHeight="1">
      <c r="B9" s="725" t="s">
        <v>1087</v>
      </c>
      <c r="C9" s="424"/>
      <c r="D9" s="425"/>
      <c r="E9" s="724" t="s">
        <v>1091</v>
      </c>
      <c r="F9" s="424"/>
      <c r="G9" s="425"/>
      <c r="H9" s="725" t="s">
        <v>1095</v>
      </c>
      <c r="I9" s="424"/>
      <c r="J9" s="425"/>
    </row>
    <row r="10" spans="2:21" ht="16.5" customHeight="1">
      <c r="B10" s="725" t="s">
        <v>1088</v>
      </c>
      <c r="C10" s="424"/>
      <c r="D10" s="425"/>
      <c r="E10" s="724" t="s">
        <v>1092</v>
      </c>
      <c r="F10" s="424"/>
      <c r="G10" s="425"/>
      <c r="H10" s="725" t="s">
        <v>1096</v>
      </c>
      <c r="I10" s="424"/>
      <c r="J10" s="425"/>
    </row>
    <row r="11" spans="2:21" ht="16.5" customHeight="1" thickBot="1">
      <c r="B11" s="726" t="s">
        <v>1089</v>
      </c>
      <c r="C11" s="426"/>
      <c r="D11" s="427"/>
      <c r="E11" s="727" t="s">
        <v>1093</v>
      </c>
      <c r="F11" s="428"/>
      <c r="G11" s="429"/>
      <c r="H11" s="726" t="s">
        <v>1097</v>
      </c>
      <c r="I11" s="426"/>
      <c r="J11" s="427"/>
    </row>
    <row r="12" spans="2:21" ht="20.25" customHeight="1">
      <c r="B12" s="564"/>
      <c r="C12" s="564"/>
      <c r="D12" s="388" t="s">
        <v>978</v>
      </c>
      <c r="E12" s="715"/>
      <c r="F12" s="564"/>
      <c r="G12" s="564"/>
      <c r="H12" s="713"/>
      <c r="I12" s="564"/>
      <c r="J12" s="564"/>
    </row>
    <row r="13" spans="2:21" ht="26.25" customHeight="1" thickBot="1">
      <c r="B13" s="1738" t="s">
        <v>608</v>
      </c>
      <c r="C13" s="1738"/>
      <c r="D13" s="1738"/>
      <c r="E13" s="728"/>
      <c r="F13" s="729"/>
      <c r="G13" s="729"/>
      <c r="H13" s="729"/>
      <c r="I13" s="729"/>
      <c r="J13" s="729"/>
    </row>
    <row r="14" spans="2:21" s="716" customFormat="1" ht="12.6" thickBot="1">
      <c r="B14" s="711" t="s">
        <v>976</v>
      </c>
      <c r="C14" s="1729"/>
      <c r="D14" s="1730"/>
      <c r="E14" s="1730"/>
      <c r="F14" s="1730"/>
      <c r="G14" s="1730"/>
      <c r="H14" s="1731" t="s">
        <v>977</v>
      </c>
      <c r="I14" s="1731"/>
      <c r="J14" s="1732"/>
      <c r="S14" s="714"/>
      <c r="T14" s="714"/>
      <c r="U14" s="714"/>
    </row>
    <row r="15" spans="2:21" ht="12">
      <c r="B15" s="538" t="s">
        <v>605</v>
      </c>
      <c r="C15" s="374" t="s">
        <v>606</v>
      </c>
      <c r="D15" s="567" t="s">
        <v>607</v>
      </c>
      <c r="E15" s="418" t="s">
        <v>605</v>
      </c>
      <c r="F15" s="567" t="s">
        <v>606</v>
      </c>
      <c r="G15" s="419" t="s">
        <v>607</v>
      </c>
      <c r="H15" s="539" t="s">
        <v>605</v>
      </c>
      <c r="I15" s="534" t="s">
        <v>606</v>
      </c>
      <c r="J15" s="419" t="s">
        <v>607</v>
      </c>
    </row>
    <row r="16" spans="2:21" ht="16.5" customHeight="1">
      <c r="B16" s="724" t="s">
        <v>1086</v>
      </c>
      <c r="C16" s="420"/>
      <c r="D16" s="421"/>
      <c r="E16" s="724" t="s">
        <v>1090</v>
      </c>
      <c r="F16" s="422"/>
      <c r="G16" s="423"/>
      <c r="H16" s="724" t="s">
        <v>1094</v>
      </c>
      <c r="I16" s="420"/>
      <c r="J16" s="421"/>
    </row>
    <row r="17" spans="2:10" ht="16.5" customHeight="1">
      <c r="B17" s="725" t="s">
        <v>1087</v>
      </c>
      <c r="C17" s="424"/>
      <c r="D17" s="425"/>
      <c r="E17" s="724" t="s">
        <v>1091</v>
      </c>
      <c r="F17" s="424"/>
      <c r="G17" s="425"/>
      <c r="H17" s="725" t="s">
        <v>1095</v>
      </c>
      <c r="I17" s="424"/>
      <c r="J17" s="425"/>
    </row>
    <row r="18" spans="2:10" ht="16.5" customHeight="1">
      <c r="B18" s="725" t="s">
        <v>1088</v>
      </c>
      <c r="C18" s="424"/>
      <c r="D18" s="425"/>
      <c r="E18" s="724" t="s">
        <v>1098</v>
      </c>
      <c r="F18" s="424"/>
      <c r="G18" s="425"/>
      <c r="H18" s="725" t="s">
        <v>1096</v>
      </c>
      <c r="I18" s="424"/>
      <c r="J18" s="425"/>
    </row>
    <row r="19" spans="2:10" ht="16.5" customHeight="1" thickBot="1">
      <c r="B19" s="726" t="s">
        <v>1089</v>
      </c>
      <c r="C19" s="426"/>
      <c r="D19" s="427"/>
      <c r="E19" s="727" t="s">
        <v>1099</v>
      </c>
      <c r="F19" s="428"/>
      <c r="G19" s="429"/>
      <c r="H19" s="726" t="s">
        <v>1097</v>
      </c>
      <c r="I19" s="426"/>
      <c r="J19" s="427"/>
    </row>
    <row r="20" spans="2:10" ht="12.75" customHeight="1">
      <c r="B20" s="430"/>
      <c r="C20" s="395"/>
      <c r="D20" s="388" t="s">
        <v>978</v>
      </c>
      <c r="E20" s="430"/>
      <c r="F20" s="395"/>
      <c r="G20" s="395"/>
      <c r="H20" s="430"/>
      <c r="I20" s="395"/>
      <c r="J20" s="395"/>
    </row>
    <row r="21" spans="2:10" ht="12">
      <c r="B21" s="564"/>
      <c r="C21" s="564"/>
      <c r="D21" s="564"/>
      <c r="E21" s="564"/>
      <c r="F21" s="564"/>
      <c r="G21" s="564"/>
      <c r="H21" s="564"/>
      <c r="I21" s="564"/>
      <c r="J21" s="564"/>
    </row>
    <row r="22" spans="2:10" ht="16.5" customHeight="1" thickBot="1">
      <c r="B22" s="564" t="s">
        <v>609</v>
      </c>
      <c r="C22" s="564"/>
      <c r="D22" s="564"/>
      <c r="E22" s="564"/>
      <c r="F22" s="564"/>
      <c r="G22" s="564"/>
      <c r="H22" s="564"/>
      <c r="I22" s="564"/>
      <c r="J22" s="564"/>
    </row>
    <row r="23" spans="2:10" ht="20.25" customHeight="1">
      <c r="B23" s="1739"/>
      <c r="C23" s="921" t="s">
        <v>610</v>
      </c>
      <c r="D23" s="1644"/>
      <c r="E23" s="921" t="s">
        <v>611</v>
      </c>
      <c r="F23" s="1644"/>
      <c r="G23" s="1745" t="s">
        <v>612</v>
      </c>
      <c r="H23" s="1746"/>
      <c r="I23" s="921" t="s">
        <v>613</v>
      </c>
      <c r="J23" s="1747"/>
    </row>
    <row r="24" spans="2:10" ht="20.25" customHeight="1">
      <c r="B24" s="1740"/>
      <c r="C24" s="211" t="s">
        <v>614</v>
      </c>
      <c r="D24" s="211" t="s">
        <v>615</v>
      </c>
      <c r="E24" s="211" t="s">
        <v>614</v>
      </c>
      <c r="F24" s="211" t="s">
        <v>615</v>
      </c>
      <c r="G24" s="1573" t="s">
        <v>616</v>
      </c>
      <c r="H24" s="1748"/>
      <c r="I24" s="1352"/>
      <c r="J24" s="1749"/>
    </row>
    <row r="25" spans="2:10" ht="20.25" customHeight="1">
      <c r="B25" s="431" t="s">
        <v>617</v>
      </c>
      <c r="C25" s="222"/>
      <c r="D25" s="222"/>
      <c r="E25" s="222"/>
      <c r="F25" s="222"/>
      <c r="G25" s="1331" t="s">
        <v>618</v>
      </c>
      <c r="H25" s="1672"/>
      <c r="I25" s="1750" t="s">
        <v>619</v>
      </c>
      <c r="J25" s="1749"/>
    </row>
    <row r="26" spans="2:10" ht="20.25" customHeight="1" thickBot="1">
      <c r="B26" s="431" t="s">
        <v>620</v>
      </c>
      <c r="C26" s="222"/>
      <c r="D26" s="222"/>
      <c r="E26" s="222"/>
      <c r="F26" s="222"/>
      <c r="G26" s="1741"/>
      <c r="H26" s="1674"/>
      <c r="I26" s="1751" t="s">
        <v>621</v>
      </c>
      <c r="J26" s="1752"/>
    </row>
    <row r="27" spans="2:10" ht="20.25" customHeight="1">
      <c r="B27" s="432" t="s">
        <v>622</v>
      </c>
      <c r="C27" s="222"/>
      <c r="D27" s="222"/>
      <c r="E27" s="222"/>
      <c r="F27" s="222"/>
      <c r="G27" s="1715" t="s">
        <v>7</v>
      </c>
      <c r="H27" s="1753"/>
      <c r="I27" s="1627" t="s">
        <v>623</v>
      </c>
      <c r="J27" s="1756"/>
    </row>
    <row r="28" spans="2:10" ht="14.25" customHeight="1">
      <c r="B28" s="432" t="s">
        <v>624</v>
      </c>
      <c r="C28" s="1733"/>
      <c r="D28" s="1733"/>
      <c r="E28" s="1733"/>
      <c r="F28" s="1733"/>
      <c r="G28" s="1715"/>
      <c r="H28" s="1753"/>
      <c r="I28" s="1373"/>
      <c r="J28" s="1757"/>
    </row>
    <row r="29" spans="2:10" ht="20.25" customHeight="1" thickBot="1">
      <c r="B29" s="433"/>
      <c r="C29" s="1734"/>
      <c r="D29" s="1734"/>
      <c r="E29" s="1734"/>
      <c r="F29" s="1734"/>
      <c r="G29" s="1754"/>
      <c r="H29" s="1755"/>
      <c r="I29" s="1758"/>
      <c r="J29" s="1759"/>
    </row>
    <row r="31" spans="2:10" ht="19.5" customHeight="1" thickBot="1">
      <c r="B31" s="564" t="s">
        <v>625</v>
      </c>
      <c r="D31" s="1760" t="s">
        <v>626</v>
      </c>
      <c r="E31" s="1760"/>
      <c r="F31" s="1760"/>
    </row>
    <row r="32" spans="2:10" ht="18" customHeight="1">
      <c r="B32" s="1761" t="s">
        <v>627</v>
      </c>
      <c r="C32" s="1762"/>
      <c r="D32" s="1742"/>
      <c r="E32" s="1743"/>
      <c r="F32" s="1743"/>
      <c r="G32" s="1743"/>
      <c r="H32" s="1743"/>
      <c r="I32" s="1743"/>
      <c r="J32" s="1744"/>
    </row>
    <row r="33" spans="2:10" ht="18" customHeight="1">
      <c r="B33" s="1763" t="s">
        <v>628</v>
      </c>
      <c r="C33" s="1764"/>
      <c r="D33" s="1750" t="s">
        <v>629</v>
      </c>
      <c r="E33" s="1765"/>
      <c r="F33" s="1765"/>
      <c r="G33" s="1765"/>
      <c r="H33" s="1765"/>
      <c r="I33" s="1765"/>
      <c r="J33" s="1766"/>
    </row>
    <row r="34" spans="2:10" ht="18" customHeight="1">
      <c r="B34" s="1767" t="s">
        <v>630</v>
      </c>
      <c r="C34" s="717" t="s">
        <v>631</v>
      </c>
      <c r="D34" s="1780"/>
      <c r="E34" s="1781"/>
      <c r="F34" s="730" t="s">
        <v>979</v>
      </c>
      <c r="G34" s="1765" t="s">
        <v>980</v>
      </c>
      <c r="H34" s="1765"/>
      <c r="I34" s="1765"/>
      <c r="J34" s="1766"/>
    </row>
    <row r="35" spans="2:10">
      <c r="B35" s="1768"/>
      <c r="C35" s="1770" t="s">
        <v>632</v>
      </c>
      <c r="D35" s="1771"/>
      <c r="E35" s="1772"/>
      <c r="F35" s="1750"/>
      <c r="G35" s="1765"/>
      <c r="H35" s="1765"/>
      <c r="I35" s="1765"/>
      <c r="J35" s="1766"/>
    </row>
    <row r="36" spans="2:10" ht="42" customHeight="1">
      <c r="B36" s="1768"/>
      <c r="C36" s="1773"/>
      <c r="D36" s="1774"/>
      <c r="E36" s="1775"/>
      <c r="F36" s="1776" t="s">
        <v>633</v>
      </c>
      <c r="G36" s="1777"/>
      <c r="H36" s="1777"/>
      <c r="I36" s="1777"/>
      <c r="J36" s="391"/>
    </row>
    <row r="37" spans="2:10" ht="15.75" customHeight="1">
      <c r="B37" s="1768"/>
      <c r="C37" s="1778" t="s">
        <v>634</v>
      </c>
      <c r="D37" s="1778"/>
      <c r="E37" s="1778"/>
      <c r="F37" s="718"/>
      <c r="G37" s="1765" t="s">
        <v>983</v>
      </c>
      <c r="H37" s="1765"/>
      <c r="I37" s="1765"/>
      <c r="J37" s="391"/>
    </row>
    <row r="38" spans="2:10" ht="15.75" customHeight="1">
      <c r="B38" s="1768"/>
      <c r="C38" s="1779"/>
      <c r="D38" s="1779"/>
      <c r="E38" s="1779"/>
      <c r="F38" s="1778" t="s">
        <v>981</v>
      </c>
      <c r="G38" s="1778"/>
      <c r="H38" s="1778"/>
      <c r="I38" s="1784"/>
      <c r="J38" s="391"/>
    </row>
    <row r="39" spans="2:10" ht="15.75" customHeight="1">
      <c r="B39" s="1768"/>
      <c r="C39" s="1785" t="s">
        <v>635</v>
      </c>
      <c r="D39" s="1786"/>
      <c r="E39" s="1787"/>
      <c r="F39" s="1778" t="s">
        <v>636</v>
      </c>
      <c r="G39" s="1778"/>
      <c r="H39" s="1750"/>
      <c r="I39" s="1765"/>
      <c r="J39" s="1766"/>
    </row>
    <row r="40" spans="2:10" ht="15.75" customHeight="1">
      <c r="B40" s="1768"/>
      <c r="C40" s="1788"/>
      <c r="D40" s="1789"/>
      <c r="E40" s="1790"/>
      <c r="F40" s="1791" t="s">
        <v>982</v>
      </c>
      <c r="G40" s="1791"/>
      <c r="H40" s="1750"/>
      <c r="I40" s="1765"/>
      <c r="J40" s="1766"/>
    </row>
    <row r="41" spans="2:10" ht="15.75" customHeight="1" thickBot="1">
      <c r="B41" s="1769"/>
      <c r="C41" s="1792" t="s">
        <v>637</v>
      </c>
      <c r="D41" s="1792"/>
      <c r="E41" s="1793"/>
      <c r="F41" s="1794"/>
      <c r="G41" s="1795"/>
      <c r="H41" s="1795"/>
      <c r="I41" s="1795"/>
      <c r="J41" s="1796"/>
    </row>
    <row r="43" spans="2:10" ht="19.5" customHeight="1" thickBot="1">
      <c r="B43" s="564" t="s">
        <v>638</v>
      </c>
      <c r="C43" s="564"/>
      <c r="D43" s="564"/>
      <c r="E43" s="564"/>
      <c r="F43" s="564"/>
      <c r="G43" s="564"/>
    </row>
    <row r="44" spans="2:10" ht="20.100000000000001" customHeight="1">
      <c r="B44" s="547" t="s">
        <v>639</v>
      </c>
      <c r="C44" s="114"/>
      <c r="D44" s="921"/>
      <c r="E44" s="967"/>
      <c r="F44" s="572"/>
      <c r="G44" s="564"/>
    </row>
    <row r="45" spans="2:10" ht="20.100000000000001" customHeight="1">
      <c r="B45" s="543" t="s">
        <v>640</v>
      </c>
      <c r="C45" s="78"/>
      <c r="D45" s="1364" t="s">
        <v>215</v>
      </c>
      <c r="E45" s="1321"/>
      <c r="F45" s="434" t="s">
        <v>641</v>
      </c>
      <c r="G45" s="368"/>
    </row>
    <row r="46" spans="2:10" ht="20.100000000000001" customHeight="1">
      <c r="B46" s="549" t="s">
        <v>642</v>
      </c>
      <c r="C46" s="84"/>
      <c r="D46" s="1352"/>
      <c r="E46" s="908"/>
      <c r="F46" s="435" t="s">
        <v>643</v>
      </c>
      <c r="G46" s="368"/>
    </row>
    <row r="47" spans="2:10" ht="20.100000000000001" customHeight="1" thickBot="1">
      <c r="B47" s="58" t="s">
        <v>644</v>
      </c>
      <c r="C47" s="109"/>
      <c r="D47" s="1782"/>
      <c r="E47" s="1783"/>
      <c r="F47" s="78"/>
      <c r="G47" s="564"/>
    </row>
  </sheetData>
  <mergeCells count="49">
    <mergeCell ref="D47:E47"/>
    <mergeCell ref="F38:I38"/>
    <mergeCell ref="C39:E40"/>
    <mergeCell ref="F39:G39"/>
    <mergeCell ref="F40:G40"/>
    <mergeCell ref="C41:E41"/>
    <mergeCell ref="D44:E44"/>
    <mergeCell ref="D45:E45"/>
    <mergeCell ref="D46:E46"/>
    <mergeCell ref="F41:J41"/>
    <mergeCell ref="B33:C33"/>
    <mergeCell ref="D33:J33"/>
    <mergeCell ref="B34:B41"/>
    <mergeCell ref="C35:E36"/>
    <mergeCell ref="F35:J35"/>
    <mergeCell ref="F36:I36"/>
    <mergeCell ref="C37:E38"/>
    <mergeCell ref="D34:E34"/>
    <mergeCell ref="G34:J34"/>
    <mergeCell ref="G37:I37"/>
    <mergeCell ref="H39:J39"/>
    <mergeCell ref="H40:J40"/>
    <mergeCell ref="B23:B24"/>
    <mergeCell ref="C23:D23"/>
    <mergeCell ref="E23:F23"/>
    <mergeCell ref="G25:H26"/>
    <mergeCell ref="D32:J32"/>
    <mergeCell ref="G23:H23"/>
    <mergeCell ref="I23:J23"/>
    <mergeCell ref="G24:H24"/>
    <mergeCell ref="I24:J24"/>
    <mergeCell ref="I25:J25"/>
    <mergeCell ref="I26:J26"/>
    <mergeCell ref="G27:H29"/>
    <mergeCell ref="I27:J29"/>
    <mergeCell ref="D31:F31"/>
    <mergeCell ref="F28:F29"/>
    <mergeCell ref="B32:C32"/>
    <mergeCell ref="O4:P4"/>
    <mergeCell ref="Q4:U4"/>
    <mergeCell ref="B13:D13"/>
    <mergeCell ref="C6:G6"/>
    <mergeCell ref="H6:J6"/>
    <mergeCell ref="M4:N4"/>
    <mergeCell ref="C14:G14"/>
    <mergeCell ref="H14:J14"/>
    <mergeCell ref="C28:C29"/>
    <mergeCell ref="D28:D29"/>
    <mergeCell ref="E28:E29"/>
  </mergeCells>
  <phoneticPr fontId="3"/>
  <dataValidations count="1">
    <dataValidation type="list" imeMode="on" allowBlank="1" showInputMessage="1" promptTitle="献立作成者" prompt="リストから選択してください。" sqref="D34:E34" xr:uid="{79A0AAA1-58AB-4B67-BCC5-B5D8CAAE89AE}">
      <formula1>"市町の栄養士,委託先の栄養士,その他"</formula1>
    </dataValidation>
  </dataValidations>
  <printOptions horizontalCentered="1" verticalCentered="1"/>
  <pageMargins left="0.78740157480314965" right="0.78740157480314965" top="0.98425196850393704" bottom="0.98425196850393704" header="0.51181102362204722" footer="0.51181102362204722"/>
  <pageSetup paperSize="9" scale="89"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2465" r:id="rId4" name="Check Box 1">
              <controlPr defaultSize="0" autoFill="0" autoLine="0" autoPict="0">
                <anchor moveWithCells="1">
                  <from>
                    <xdr:col>2</xdr:col>
                    <xdr:colOff>38100</xdr:colOff>
                    <xdr:row>4</xdr:row>
                    <xdr:rowOff>259080</xdr:rowOff>
                  </from>
                  <to>
                    <xdr:col>2</xdr:col>
                    <xdr:colOff>640080</xdr:colOff>
                    <xdr:row>6</xdr:row>
                    <xdr:rowOff>45720</xdr:rowOff>
                  </to>
                </anchor>
              </controlPr>
            </control>
          </mc:Choice>
        </mc:AlternateContent>
        <mc:AlternateContent xmlns:mc="http://schemas.openxmlformats.org/markup-compatibility/2006">
          <mc:Choice Requires="x14">
            <control shapeId="62466" r:id="rId5" name="Check Box 2">
              <controlPr defaultSize="0" autoFill="0" autoLine="0" autoPict="0">
                <anchor moveWithCells="1">
                  <from>
                    <xdr:col>2</xdr:col>
                    <xdr:colOff>640080</xdr:colOff>
                    <xdr:row>4</xdr:row>
                    <xdr:rowOff>266700</xdr:rowOff>
                  </from>
                  <to>
                    <xdr:col>3</xdr:col>
                    <xdr:colOff>617220</xdr:colOff>
                    <xdr:row>6</xdr:row>
                    <xdr:rowOff>60960</xdr:rowOff>
                  </to>
                </anchor>
              </controlPr>
            </control>
          </mc:Choice>
        </mc:AlternateContent>
        <mc:AlternateContent xmlns:mc="http://schemas.openxmlformats.org/markup-compatibility/2006">
          <mc:Choice Requires="x14">
            <control shapeId="62467" r:id="rId6" name="Check Box 3">
              <controlPr defaultSize="0" autoFill="0" autoLine="0" autoPict="0">
                <anchor moveWithCells="1">
                  <from>
                    <xdr:col>4</xdr:col>
                    <xdr:colOff>38100</xdr:colOff>
                    <xdr:row>4</xdr:row>
                    <xdr:rowOff>274320</xdr:rowOff>
                  </from>
                  <to>
                    <xdr:col>4</xdr:col>
                    <xdr:colOff>541020</xdr:colOff>
                    <xdr:row>6</xdr:row>
                    <xdr:rowOff>60960</xdr:rowOff>
                  </to>
                </anchor>
              </controlPr>
            </control>
          </mc:Choice>
        </mc:AlternateContent>
        <mc:AlternateContent xmlns:mc="http://schemas.openxmlformats.org/markup-compatibility/2006">
          <mc:Choice Requires="x14">
            <control shapeId="62468" r:id="rId7" name="Check Box 4">
              <controlPr defaultSize="0" autoFill="0" autoLine="0" autoPict="0">
                <anchor moveWithCells="1">
                  <from>
                    <xdr:col>4</xdr:col>
                    <xdr:colOff>624840</xdr:colOff>
                    <xdr:row>4</xdr:row>
                    <xdr:rowOff>266700</xdr:rowOff>
                  </from>
                  <to>
                    <xdr:col>6</xdr:col>
                    <xdr:colOff>91440</xdr:colOff>
                    <xdr:row>6</xdr:row>
                    <xdr:rowOff>60960</xdr:rowOff>
                  </to>
                </anchor>
              </controlPr>
            </control>
          </mc:Choice>
        </mc:AlternateContent>
        <mc:AlternateContent xmlns:mc="http://schemas.openxmlformats.org/markup-compatibility/2006">
          <mc:Choice Requires="x14">
            <control shapeId="62469" r:id="rId8" name="Check Box 5">
              <controlPr defaultSize="0" autoFill="0" autoLine="0" autoPict="0">
                <anchor moveWithCells="1">
                  <from>
                    <xdr:col>6</xdr:col>
                    <xdr:colOff>114300</xdr:colOff>
                    <xdr:row>4</xdr:row>
                    <xdr:rowOff>266700</xdr:rowOff>
                  </from>
                  <to>
                    <xdr:col>7</xdr:col>
                    <xdr:colOff>60960</xdr:colOff>
                    <xdr:row>6</xdr:row>
                    <xdr:rowOff>60960</xdr:rowOff>
                  </to>
                </anchor>
              </controlPr>
            </control>
          </mc:Choice>
        </mc:AlternateContent>
        <mc:AlternateContent xmlns:mc="http://schemas.openxmlformats.org/markup-compatibility/2006">
          <mc:Choice Requires="x14">
            <control shapeId="62470" r:id="rId9" name="Check Box 6">
              <controlPr defaultSize="0" autoFill="0" autoLine="0" autoPict="0">
                <anchor moveWithCells="1">
                  <from>
                    <xdr:col>2</xdr:col>
                    <xdr:colOff>38100</xdr:colOff>
                    <xdr:row>12</xdr:row>
                    <xdr:rowOff>259080</xdr:rowOff>
                  </from>
                  <to>
                    <xdr:col>2</xdr:col>
                    <xdr:colOff>640080</xdr:colOff>
                    <xdr:row>14</xdr:row>
                    <xdr:rowOff>45720</xdr:rowOff>
                  </to>
                </anchor>
              </controlPr>
            </control>
          </mc:Choice>
        </mc:AlternateContent>
        <mc:AlternateContent xmlns:mc="http://schemas.openxmlformats.org/markup-compatibility/2006">
          <mc:Choice Requires="x14">
            <control shapeId="62471" r:id="rId10" name="Check Box 7">
              <controlPr defaultSize="0" autoFill="0" autoLine="0" autoPict="0">
                <anchor moveWithCells="1">
                  <from>
                    <xdr:col>2</xdr:col>
                    <xdr:colOff>640080</xdr:colOff>
                    <xdr:row>12</xdr:row>
                    <xdr:rowOff>266700</xdr:rowOff>
                  </from>
                  <to>
                    <xdr:col>3</xdr:col>
                    <xdr:colOff>617220</xdr:colOff>
                    <xdr:row>14</xdr:row>
                    <xdr:rowOff>60960</xdr:rowOff>
                  </to>
                </anchor>
              </controlPr>
            </control>
          </mc:Choice>
        </mc:AlternateContent>
        <mc:AlternateContent xmlns:mc="http://schemas.openxmlformats.org/markup-compatibility/2006">
          <mc:Choice Requires="x14">
            <control shapeId="62472" r:id="rId11" name="Check Box 8">
              <controlPr defaultSize="0" autoFill="0" autoLine="0" autoPict="0">
                <anchor moveWithCells="1">
                  <from>
                    <xdr:col>4</xdr:col>
                    <xdr:colOff>38100</xdr:colOff>
                    <xdr:row>12</xdr:row>
                    <xdr:rowOff>274320</xdr:rowOff>
                  </from>
                  <to>
                    <xdr:col>4</xdr:col>
                    <xdr:colOff>541020</xdr:colOff>
                    <xdr:row>14</xdr:row>
                    <xdr:rowOff>60960</xdr:rowOff>
                  </to>
                </anchor>
              </controlPr>
            </control>
          </mc:Choice>
        </mc:AlternateContent>
        <mc:AlternateContent xmlns:mc="http://schemas.openxmlformats.org/markup-compatibility/2006">
          <mc:Choice Requires="x14">
            <control shapeId="62473" r:id="rId12" name="Check Box 9">
              <controlPr defaultSize="0" autoFill="0" autoLine="0" autoPict="0">
                <anchor moveWithCells="1">
                  <from>
                    <xdr:col>4</xdr:col>
                    <xdr:colOff>624840</xdr:colOff>
                    <xdr:row>12</xdr:row>
                    <xdr:rowOff>266700</xdr:rowOff>
                  </from>
                  <to>
                    <xdr:col>6</xdr:col>
                    <xdr:colOff>91440</xdr:colOff>
                    <xdr:row>14</xdr:row>
                    <xdr:rowOff>60960</xdr:rowOff>
                  </to>
                </anchor>
              </controlPr>
            </control>
          </mc:Choice>
        </mc:AlternateContent>
        <mc:AlternateContent xmlns:mc="http://schemas.openxmlformats.org/markup-compatibility/2006">
          <mc:Choice Requires="x14">
            <control shapeId="62474" r:id="rId13" name="Check Box 10">
              <controlPr defaultSize="0" autoFill="0" autoLine="0" autoPict="0">
                <anchor moveWithCells="1">
                  <from>
                    <xdr:col>6</xdr:col>
                    <xdr:colOff>114300</xdr:colOff>
                    <xdr:row>12</xdr:row>
                    <xdr:rowOff>266700</xdr:rowOff>
                  </from>
                  <to>
                    <xdr:col>7</xdr:col>
                    <xdr:colOff>60960</xdr:colOff>
                    <xdr:row>14</xdr:row>
                    <xdr:rowOff>60960</xdr:rowOff>
                  </to>
                </anchor>
              </controlPr>
            </control>
          </mc:Choice>
        </mc:AlternateContent>
        <mc:AlternateContent xmlns:mc="http://schemas.openxmlformats.org/markup-compatibility/2006">
          <mc:Choice Requires="x14">
            <control shapeId="62476" r:id="rId14" name="Check Box 12">
              <controlPr defaultSize="0" autoFill="0" autoLine="0" autoPict="0">
                <anchor moveWithCells="1">
                  <from>
                    <xdr:col>1</xdr:col>
                    <xdr:colOff>350520</xdr:colOff>
                    <xdr:row>28</xdr:row>
                    <xdr:rowOff>22860</xdr:rowOff>
                  </from>
                  <to>
                    <xdr:col>2</xdr:col>
                    <xdr:colOff>106680</xdr:colOff>
                    <xdr:row>29</xdr:row>
                    <xdr:rowOff>0</xdr:rowOff>
                  </to>
                </anchor>
              </controlPr>
            </control>
          </mc:Choice>
        </mc:AlternateContent>
        <mc:AlternateContent xmlns:mc="http://schemas.openxmlformats.org/markup-compatibility/2006">
          <mc:Choice Requires="x14">
            <control shapeId="62477" r:id="rId15" name="Check Box 13">
              <controlPr defaultSize="0" autoFill="0" autoLine="0" autoPict="0">
                <anchor moveWithCells="1">
                  <from>
                    <xdr:col>0</xdr:col>
                    <xdr:colOff>182880</xdr:colOff>
                    <xdr:row>28</xdr:row>
                    <xdr:rowOff>7620</xdr:rowOff>
                  </from>
                  <to>
                    <xdr:col>1</xdr:col>
                    <xdr:colOff>434340</xdr:colOff>
                    <xdr:row>29</xdr:row>
                    <xdr:rowOff>15240</xdr:rowOff>
                  </to>
                </anchor>
              </controlPr>
            </control>
          </mc:Choice>
        </mc:AlternateContent>
        <mc:AlternateContent xmlns:mc="http://schemas.openxmlformats.org/markup-compatibility/2006">
          <mc:Choice Requires="x14">
            <control shapeId="62478" r:id="rId16" name="Check Box 14">
              <controlPr defaultSize="0" autoFill="0" autoLine="0" autoPict="0">
                <anchor moveWithCells="1">
                  <from>
                    <xdr:col>9</xdr:col>
                    <xdr:colOff>91440</xdr:colOff>
                    <xdr:row>23</xdr:row>
                    <xdr:rowOff>15240</xdr:rowOff>
                  </from>
                  <to>
                    <xdr:col>9</xdr:col>
                    <xdr:colOff>518160</xdr:colOff>
                    <xdr:row>23</xdr:row>
                    <xdr:rowOff>243840</xdr:rowOff>
                  </to>
                </anchor>
              </controlPr>
            </control>
          </mc:Choice>
        </mc:AlternateContent>
        <mc:AlternateContent xmlns:mc="http://schemas.openxmlformats.org/markup-compatibility/2006">
          <mc:Choice Requires="x14">
            <control shapeId="62479" r:id="rId17" name="Check Box 15">
              <controlPr defaultSize="0" autoFill="0" autoLine="0" autoPict="0">
                <anchor moveWithCells="1">
                  <from>
                    <xdr:col>8</xdr:col>
                    <xdr:colOff>228600</xdr:colOff>
                    <xdr:row>22</xdr:row>
                    <xdr:rowOff>243840</xdr:rowOff>
                  </from>
                  <to>
                    <xdr:col>9</xdr:col>
                    <xdr:colOff>22860</xdr:colOff>
                    <xdr:row>24</xdr:row>
                    <xdr:rowOff>0</xdr:rowOff>
                  </to>
                </anchor>
              </controlPr>
            </control>
          </mc:Choice>
        </mc:AlternateContent>
        <mc:AlternateContent xmlns:mc="http://schemas.openxmlformats.org/markup-compatibility/2006">
          <mc:Choice Requires="x14">
            <control shapeId="62481" r:id="rId18" name="Check Box 17">
              <controlPr defaultSize="0" autoFill="0" autoLine="0" autoPict="0">
                <anchor moveWithCells="1">
                  <from>
                    <xdr:col>5</xdr:col>
                    <xdr:colOff>205740</xdr:colOff>
                    <xdr:row>35</xdr:row>
                    <xdr:rowOff>495300</xdr:rowOff>
                  </from>
                  <to>
                    <xdr:col>6</xdr:col>
                    <xdr:colOff>0</xdr:colOff>
                    <xdr:row>37</xdr:row>
                    <xdr:rowOff>30480</xdr:rowOff>
                  </to>
                </anchor>
              </controlPr>
            </control>
          </mc:Choice>
        </mc:AlternateContent>
        <mc:AlternateContent xmlns:mc="http://schemas.openxmlformats.org/markup-compatibility/2006">
          <mc:Choice Requires="x14">
            <control shapeId="62482" r:id="rId19" name="Check Box 18">
              <controlPr defaultSize="0" autoFill="0" autoLine="0" autoPict="0">
                <anchor moveWithCells="1">
                  <from>
                    <xdr:col>9</xdr:col>
                    <xdr:colOff>30480</xdr:colOff>
                    <xdr:row>35</xdr:row>
                    <xdr:rowOff>518160</xdr:rowOff>
                  </from>
                  <to>
                    <xdr:col>9</xdr:col>
                    <xdr:colOff>449580</xdr:colOff>
                    <xdr:row>37</xdr:row>
                    <xdr:rowOff>15240</xdr:rowOff>
                  </to>
                </anchor>
              </controlPr>
            </control>
          </mc:Choice>
        </mc:AlternateContent>
        <mc:AlternateContent xmlns:mc="http://schemas.openxmlformats.org/markup-compatibility/2006">
          <mc:Choice Requires="x14">
            <control shapeId="62483" r:id="rId20" name="Check Box 19">
              <controlPr defaultSize="0" autoFill="0" autoLine="0" autoPict="0">
                <anchor moveWithCells="1">
                  <from>
                    <xdr:col>8</xdr:col>
                    <xdr:colOff>297180</xdr:colOff>
                    <xdr:row>37</xdr:row>
                    <xdr:rowOff>190500</xdr:rowOff>
                  </from>
                  <to>
                    <xdr:col>9</xdr:col>
                    <xdr:colOff>68580</xdr:colOff>
                    <xdr:row>39</xdr:row>
                    <xdr:rowOff>22860</xdr:rowOff>
                  </to>
                </anchor>
              </controlPr>
            </control>
          </mc:Choice>
        </mc:AlternateContent>
        <mc:AlternateContent xmlns:mc="http://schemas.openxmlformats.org/markup-compatibility/2006">
          <mc:Choice Requires="x14">
            <control shapeId="62484" r:id="rId21" name="Check Box 20">
              <controlPr defaultSize="0" autoFill="0" autoLine="0" autoPict="0">
                <anchor moveWithCells="1">
                  <from>
                    <xdr:col>7</xdr:col>
                    <xdr:colOff>487680</xdr:colOff>
                    <xdr:row>37</xdr:row>
                    <xdr:rowOff>167640</xdr:rowOff>
                  </from>
                  <to>
                    <xdr:col>8</xdr:col>
                    <xdr:colOff>281940</xdr:colOff>
                    <xdr:row>39</xdr:row>
                    <xdr:rowOff>38100</xdr:rowOff>
                  </to>
                </anchor>
              </controlPr>
            </control>
          </mc:Choice>
        </mc:AlternateContent>
        <mc:AlternateContent xmlns:mc="http://schemas.openxmlformats.org/markup-compatibility/2006">
          <mc:Choice Requires="x14">
            <control shapeId="62485" r:id="rId22" name="Check Box 21">
              <controlPr defaultSize="0" autoFill="0" autoLine="0" autoPict="0">
                <anchor moveWithCells="1">
                  <from>
                    <xdr:col>8</xdr:col>
                    <xdr:colOff>297180</xdr:colOff>
                    <xdr:row>38</xdr:row>
                    <xdr:rowOff>190500</xdr:rowOff>
                  </from>
                  <to>
                    <xdr:col>9</xdr:col>
                    <xdr:colOff>68580</xdr:colOff>
                    <xdr:row>40</xdr:row>
                    <xdr:rowOff>22860</xdr:rowOff>
                  </to>
                </anchor>
              </controlPr>
            </control>
          </mc:Choice>
        </mc:AlternateContent>
        <mc:AlternateContent xmlns:mc="http://schemas.openxmlformats.org/markup-compatibility/2006">
          <mc:Choice Requires="x14">
            <control shapeId="62486" r:id="rId23" name="Check Box 22">
              <controlPr defaultSize="0" autoFill="0" autoLine="0" autoPict="0">
                <anchor moveWithCells="1">
                  <from>
                    <xdr:col>7</xdr:col>
                    <xdr:colOff>487680</xdr:colOff>
                    <xdr:row>38</xdr:row>
                    <xdr:rowOff>167640</xdr:rowOff>
                  </from>
                  <to>
                    <xdr:col>8</xdr:col>
                    <xdr:colOff>281940</xdr:colOff>
                    <xdr:row>40</xdr:row>
                    <xdr:rowOff>38100</xdr:rowOff>
                  </to>
                </anchor>
              </controlPr>
            </control>
          </mc:Choice>
        </mc:AlternateContent>
        <mc:AlternateContent xmlns:mc="http://schemas.openxmlformats.org/markup-compatibility/2006">
          <mc:Choice Requires="x14">
            <control shapeId="62487" r:id="rId24" name="Check Box 23">
              <controlPr defaultSize="0" autoFill="0" autoLine="0" autoPict="0">
                <anchor moveWithCells="1">
                  <from>
                    <xdr:col>7</xdr:col>
                    <xdr:colOff>350520</xdr:colOff>
                    <xdr:row>39</xdr:row>
                    <xdr:rowOff>182880</xdr:rowOff>
                  </from>
                  <to>
                    <xdr:col>8</xdr:col>
                    <xdr:colOff>381000</xdr:colOff>
                    <xdr:row>41</xdr:row>
                    <xdr:rowOff>0</xdr:rowOff>
                  </to>
                </anchor>
              </controlPr>
            </control>
          </mc:Choice>
        </mc:AlternateContent>
        <mc:AlternateContent xmlns:mc="http://schemas.openxmlformats.org/markup-compatibility/2006">
          <mc:Choice Requires="x14">
            <control shapeId="62488" r:id="rId25" name="Check Box 24">
              <controlPr defaultSize="0" autoFill="0" autoLine="0" autoPict="0">
                <anchor moveWithCells="1">
                  <from>
                    <xdr:col>5</xdr:col>
                    <xdr:colOff>609600</xdr:colOff>
                    <xdr:row>39</xdr:row>
                    <xdr:rowOff>182880</xdr:rowOff>
                  </from>
                  <to>
                    <xdr:col>6</xdr:col>
                    <xdr:colOff>403860</xdr:colOff>
                    <xdr:row>41</xdr:row>
                    <xdr:rowOff>0</xdr:rowOff>
                  </to>
                </anchor>
              </controlPr>
            </control>
          </mc:Choice>
        </mc:AlternateContent>
        <mc:AlternateContent xmlns:mc="http://schemas.openxmlformats.org/markup-compatibility/2006">
          <mc:Choice Requires="x14">
            <control shapeId="62489" r:id="rId26" name="Check Box 25">
              <controlPr defaultSize="0" autoFill="0" autoLine="0" autoPict="0">
                <anchor moveWithCells="1">
                  <from>
                    <xdr:col>6</xdr:col>
                    <xdr:colOff>83820</xdr:colOff>
                    <xdr:row>33</xdr:row>
                    <xdr:rowOff>182880</xdr:rowOff>
                  </from>
                  <to>
                    <xdr:col>6</xdr:col>
                    <xdr:colOff>502920</xdr:colOff>
                    <xdr:row>35</xdr:row>
                    <xdr:rowOff>45720</xdr:rowOff>
                  </to>
                </anchor>
              </controlPr>
            </control>
          </mc:Choice>
        </mc:AlternateContent>
        <mc:AlternateContent xmlns:mc="http://schemas.openxmlformats.org/markup-compatibility/2006">
          <mc:Choice Requires="x14">
            <control shapeId="62490" r:id="rId27" name="Check Box 26">
              <controlPr defaultSize="0" autoFill="0" autoLine="0" autoPict="0">
                <anchor moveWithCells="1">
                  <from>
                    <xdr:col>5</xdr:col>
                    <xdr:colOff>213360</xdr:colOff>
                    <xdr:row>33</xdr:row>
                    <xdr:rowOff>160020</xdr:rowOff>
                  </from>
                  <to>
                    <xdr:col>6</xdr:col>
                    <xdr:colOff>7620</xdr:colOff>
                    <xdr:row>35</xdr:row>
                    <xdr:rowOff>68580</xdr:rowOff>
                  </to>
                </anchor>
              </controlPr>
            </control>
          </mc:Choice>
        </mc:AlternateContent>
        <mc:AlternateContent xmlns:mc="http://schemas.openxmlformats.org/markup-compatibility/2006">
          <mc:Choice Requires="x14">
            <control shapeId="62491" r:id="rId28" name="Check Box 27">
              <controlPr defaultSize="0" autoFill="0" autoLine="0" autoPict="0">
                <anchor moveWithCells="1">
                  <from>
                    <xdr:col>4</xdr:col>
                    <xdr:colOff>91440</xdr:colOff>
                    <xdr:row>43</xdr:row>
                    <xdr:rowOff>7620</xdr:rowOff>
                  </from>
                  <to>
                    <xdr:col>4</xdr:col>
                    <xdr:colOff>510540</xdr:colOff>
                    <xdr:row>43</xdr:row>
                    <xdr:rowOff>236220</xdr:rowOff>
                  </to>
                </anchor>
              </controlPr>
            </control>
          </mc:Choice>
        </mc:AlternateContent>
        <mc:AlternateContent xmlns:mc="http://schemas.openxmlformats.org/markup-compatibility/2006">
          <mc:Choice Requires="x14">
            <control shapeId="62492" r:id="rId29" name="Check Box 28">
              <controlPr defaultSize="0" autoFill="0" autoLine="0" autoPict="0">
                <anchor moveWithCells="1">
                  <from>
                    <xdr:col>3</xdr:col>
                    <xdr:colOff>220980</xdr:colOff>
                    <xdr:row>42</xdr:row>
                    <xdr:rowOff>228600</xdr:rowOff>
                  </from>
                  <to>
                    <xdr:col>4</xdr:col>
                    <xdr:colOff>15240</xdr:colOff>
                    <xdr:row>44</xdr:row>
                    <xdr:rowOff>7620</xdr:rowOff>
                  </to>
                </anchor>
              </controlPr>
            </control>
          </mc:Choice>
        </mc:AlternateContent>
        <mc:AlternateContent xmlns:mc="http://schemas.openxmlformats.org/markup-compatibility/2006">
          <mc:Choice Requires="x14">
            <control shapeId="62493" r:id="rId30" name="Check Box 29">
              <controlPr defaultSize="0" autoFill="0" autoLine="0" autoPict="0">
                <anchor moveWithCells="1">
                  <from>
                    <xdr:col>4</xdr:col>
                    <xdr:colOff>76200</xdr:colOff>
                    <xdr:row>45</xdr:row>
                    <xdr:rowOff>15240</xdr:rowOff>
                  </from>
                  <to>
                    <xdr:col>4</xdr:col>
                    <xdr:colOff>495300</xdr:colOff>
                    <xdr:row>45</xdr:row>
                    <xdr:rowOff>243840</xdr:rowOff>
                  </to>
                </anchor>
              </controlPr>
            </control>
          </mc:Choice>
        </mc:AlternateContent>
        <mc:AlternateContent xmlns:mc="http://schemas.openxmlformats.org/markup-compatibility/2006">
          <mc:Choice Requires="x14">
            <control shapeId="62494" r:id="rId31" name="Check Box 30">
              <controlPr defaultSize="0" autoFill="0" autoLine="0" autoPict="0">
                <anchor moveWithCells="1">
                  <from>
                    <xdr:col>3</xdr:col>
                    <xdr:colOff>205740</xdr:colOff>
                    <xdr:row>44</xdr:row>
                    <xdr:rowOff>243840</xdr:rowOff>
                  </from>
                  <to>
                    <xdr:col>4</xdr:col>
                    <xdr:colOff>0</xdr:colOff>
                    <xdr:row>46</xdr:row>
                    <xdr:rowOff>1524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R47"/>
  <sheetViews>
    <sheetView view="pageBreakPreview" topLeftCell="A13" zoomScaleNormal="100" zoomScaleSheetLayoutView="100" workbookViewId="0">
      <selection activeCell="A3" sqref="A1:XFD1048576"/>
    </sheetView>
  </sheetViews>
  <sheetFormatPr defaultColWidth="9" defaultRowHeight="13.2"/>
  <cols>
    <col min="1" max="8" width="9" style="75"/>
    <col min="9" max="9" width="13.44140625" style="75" customWidth="1"/>
    <col min="10" max="16384" width="9" style="75"/>
  </cols>
  <sheetData>
    <row r="1" spans="1:17" s="850" customFormat="1" ht="24.75" customHeight="1">
      <c r="A1" s="64" t="s">
        <v>69</v>
      </c>
    </row>
    <row r="2" spans="1:17" s="850" customFormat="1" ht="9" customHeight="1">
      <c r="A2" s="64"/>
    </row>
    <row r="3" spans="1:17" s="847" customFormat="1" ht="45" customHeight="1">
      <c r="A3" s="949" t="s">
        <v>1121</v>
      </c>
      <c r="B3" s="949"/>
      <c r="C3" s="949"/>
      <c r="D3" s="949"/>
      <c r="E3" s="949"/>
      <c r="F3" s="949"/>
      <c r="G3" s="949"/>
      <c r="H3" s="949"/>
      <c r="I3" s="949"/>
    </row>
    <row r="4" spans="1:17" s="850" customFormat="1" ht="7.5" customHeight="1">
      <c r="B4" s="65"/>
      <c r="D4" s="65"/>
    </row>
    <row r="5" spans="1:17" s="850" customFormat="1" ht="6" customHeight="1" thickBot="1">
      <c r="A5" s="826"/>
      <c r="B5" s="826"/>
      <c r="C5" s="826"/>
      <c r="D5" s="826"/>
      <c r="E5" s="826"/>
      <c r="F5" s="826"/>
      <c r="G5" s="826"/>
      <c r="H5" s="826"/>
      <c r="I5" s="826"/>
      <c r="J5" s="884"/>
      <c r="K5" s="884"/>
      <c r="L5" s="884"/>
      <c r="M5" s="884"/>
      <c r="N5" s="884"/>
      <c r="O5" s="884"/>
      <c r="P5" s="884"/>
      <c r="Q5" s="884"/>
    </row>
    <row r="6" spans="1:17" s="850" customFormat="1" ht="9.75" customHeight="1">
      <c r="A6" s="950"/>
      <c r="B6" s="951"/>
      <c r="C6" s="951"/>
      <c r="D6" s="951"/>
      <c r="E6" s="833"/>
      <c r="F6" s="833"/>
      <c r="G6" s="833"/>
      <c r="H6" s="833"/>
      <c r="I6" s="68"/>
      <c r="J6" s="834"/>
      <c r="K6" s="834"/>
      <c r="L6" s="834"/>
      <c r="M6" s="834"/>
      <c r="N6" s="834"/>
      <c r="O6" s="834"/>
      <c r="P6" s="834"/>
      <c r="Q6" s="834"/>
    </row>
    <row r="7" spans="1:17" s="850" customFormat="1" ht="15" customHeight="1">
      <c r="A7" s="955" t="s">
        <v>70</v>
      </c>
      <c r="B7" s="956"/>
      <c r="C7" s="956"/>
      <c r="D7" s="956"/>
      <c r="E7" s="834"/>
      <c r="F7" s="834"/>
      <c r="G7" s="834"/>
      <c r="H7" s="834"/>
      <c r="I7" s="70"/>
      <c r="J7" s="834"/>
      <c r="K7" s="834"/>
      <c r="L7" s="834"/>
      <c r="M7" s="834"/>
      <c r="N7" s="834"/>
      <c r="O7" s="834"/>
      <c r="P7" s="834"/>
      <c r="Q7" s="834"/>
    </row>
    <row r="8" spans="1:17" s="850" customFormat="1" ht="15" customHeight="1">
      <c r="A8" s="69"/>
      <c r="B8" s="834"/>
      <c r="C8" s="834"/>
      <c r="D8" s="834"/>
      <c r="E8" s="834"/>
      <c r="F8" s="834"/>
      <c r="G8" s="834"/>
      <c r="H8" s="834"/>
      <c r="I8" s="70"/>
      <c r="J8" s="834"/>
      <c r="K8" s="834"/>
      <c r="L8" s="834"/>
      <c r="M8" s="834"/>
      <c r="N8" s="834"/>
      <c r="O8" s="834"/>
      <c r="P8" s="834"/>
      <c r="Q8" s="834"/>
    </row>
    <row r="9" spans="1:17" s="850" customFormat="1" ht="15" customHeight="1">
      <c r="A9" s="69"/>
      <c r="B9" s="834"/>
      <c r="C9" s="834"/>
      <c r="D9" s="834"/>
      <c r="E9" s="834"/>
      <c r="F9" s="834"/>
      <c r="G9" s="834"/>
      <c r="H9" s="834"/>
      <c r="I9" s="70"/>
      <c r="J9" s="834"/>
      <c r="K9" s="834"/>
      <c r="L9" s="834"/>
      <c r="M9" s="834"/>
      <c r="N9" s="834"/>
      <c r="O9" s="834"/>
      <c r="P9" s="834"/>
      <c r="Q9" s="834"/>
    </row>
    <row r="10" spans="1:17" s="850" customFormat="1" ht="15" customHeight="1">
      <c r="A10" s="69"/>
      <c r="B10" s="834"/>
      <c r="C10" s="834"/>
      <c r="D10" s="834"/>
      <c r="E10" s="834"/>
      <c r="F10" s="834"/>
      <c r="G10" s="834"/>
      <c r="H10" s="834"/>
      <c r="I10" s="70"/>
      <c r="J10" s="834"/>
      <c r="K10" s="834"/>
      <c r="L10" s="834"/>
      <c r="M10" s="834"/>
      <c r="N10" s="834"/>
      <c r="O10" s="834"/>
      <c r="P10" s="834"/>
      <c r="Q10" s="834"/>
    </row>
    <row r="11" spans="1:17" s="850" customFormat="1" ht="15" customHeight="1">
      <c r="A11" s="69"/>
      <c r="B11" s="834"/>
      <c r="C11" s="834"/>
      <c r="D11" s="834"/>
      <c r="E11" s="834"/>
      <c r="F11" s="834"/>
      <c r="G11" s="834"/>
      <c r="H11" s="834"/>
      <c r="I11" s="70"/>
      <c r="J11" s="834"/>
      <c r="K11" s="834"/>
      <c r="L11" s="834"/>
      <c r="M11" s="834"/>
      <c r="N11" s="834"/>
      <c r="O11" s="834"/>
      <c r="P11" s="834"/>
      <c r="Q11" s="834"/>
    </row>
    <row r="12" spans="1:17" s="850" customFormat="1" ht="15" customHeight="1">
      <c r="A12" s="69"/>
      <c r="B12" s="834"/>
      <c r="C12" s="834"/>
      <c r="D12" s="834"/>
      <c r="E12" s="834"/>
      <c r="F12" s="834"/>
      <c r="G12" s="834"/>
      <c r="H12" s="834"/>
      <c r="I12" s="70"/>
      <c r="J12" s="834"/>
      <c r="K12" s="834"/>
      <c r="L12" s="834"/>
      <c r="M12" s="834"/>
      <c r="N12" s="834"/>
      <c r="O12" s="834"/>
      <c r="P12" s="834"/>
      <c r="Q12" s="834"/>
    </row>
    <row r="13" spans="1:17" s="850" customFormat="1" ht="15" customHeight="1">
      <c r="A13" s="69" t="s">
        <v>1122</v>
      </c>
      <c r="B13" s="834"/>
      <c r="C13" s="834"/>
      <c r="D13" s="834"/>
      <c r="E13" s="834"/>
      <c r="F13" s="834"/>
      <c r="G13" s="834"/>
      <c r="H13" s="834"/>
      <c r="I13" s="70"/>
      <c r="J13" s="834"/>
      <c r="K13" s="834"/>
      <c r="L13" s="834"/>
      <c r="M13" s="834"/>
      <c r="N13" s="834"/>
      <c r="O13" s="834"/>
      <c r="P13" s="834"/>
      <c r="Q13" s="834"/>
    </row>
    <row r="14" spans="1:17" s="850" customFormat="1" ht="15" customHeight="1">
      <c r="A14" s="69"/>
      <c r="B14" s="834"/>
      <c r="C14" s="834"/>
      <c r="D14" s="834"/>
      <c r="E14" s="834"/>
      <c r="F14" s="834"/>
      <c r="G14" s="834"/>
      <c r="H14" s="834"/>
      <c r="I14" s="70"/>
      <c r="J14" s="834"/>
      <c r="K14" s="834"/>
      <c r="L14" s="834"/>
      <c r="M14" s="834"/>
      <c r="N14" s="834"/>
      <c r="O14" s="834"/>
      <c r="P14" s="834"/>
      <c r="Q14" s="834"/>
    </row>
    <row r="15" spans="1:17" s="850" customFormat="1" ht="15" customHeight="1">
      <c r="A15" s="883"/>
      <c r="B15" s="834"/>
      <c r="C15" s="834"/>
      <c r="D15" s="834"/>
      <c r="E15" s="834"/>
      <c r="F15" s="834"/>
      <c r="G15" s="834"/>
      <c r="H15" s="834"/>
      <c r="I15" s="70"/>
      <c r="J15" s="834"/>
      <c r="K15" s="834"/>
      <c r="L15" s="834"/>
      <c r="M15" s="834"/>
      <c r="N15" s="834"/>
      <c r="O15" s="834"/>
      <c r="P15" s="834"/>
      <c r="Q15" s="834"/>
    </row>
    <row r="16" spans="1:17" s="850" customFormat="1" ht="15" customHeight="1">
      <c r="A16" s="883"/>
      <c r="B16" s="834"/>
      <c r="C16" s="834"/>
      <c r="D16" s="834"/>
      <c r="E16" s="834"/>
      <c r="F16" s="834"/>
      <c r="G16" s="834"/>
      <c r="H16" s="834"/>
      <c r="I16" s="70"/>
      <c r="J16" s="834"/>
      <c r="K16" s="834"/>
      <c r="L16" s="834"/>
      <c r="M16" s="834"/>
      <c r="N16" s="834"/>
      <c r="O16" s="834"/>
      <c r="P16" s="834"/>
      <c r="Q16" s="834"/>
    </row>
    <row r="17" spans="1:18" s="850" customFormat="1" ht="15" customHeight="1">
      <c r="A17" s="883"/>
      <c r="B17" s="834"/>
      <c r="C17" s="834"/>
      <c r="D17" s="834"/>
      <c r="E17" s="834"/>
      <c r="F17" s="834"/>
      <c r="G17" s="834"/>
      <c r="H17" s="834"/>
      <c r="I17" s="70"/>
      <c r="J17" s="834"/>
      <c r="K17" s="834"/>
      <c r="L17" s="834"/>
      <c r="M17" s="834"/>
      <c r="N17" s="834"/>
      <c r="O17" s="834"/>
      <c r="P17" s="834"/>
      <c r="Q17" s="834"/>
    </row>
    <row r="18" spans="1:18" s="850" customFormat="1" ht="15" customHeight="1">
      <c r="A18" s="69"/>
      <c r="B18" s="834"/>
      <c r="C18" s="834"/>
      <c r="D18" s="834"/>
      <c r="E18" s="834"/>
      <c r="F18" s="834"/>
      <c r="G18" s="834"/>
      <c r="H18" s="834"/>
      <c r="I18" s="70"/>
      <c r="J18" s="834"/>
      <c r="K18" s="834"/>
      <c r="L18" s="834"/>
      <c r="M18" s="834"/>
      <c r="N18" s="834"/>
      <c r="O18" s="834"/>
      <c r="P18" s="834"/>
      <c r="Q18" s="834"/>
    </row>
    <row r="19" spans="1:18" s="850" customFormat="1" ht="15" customHeight="1">
      <c r="A19" s="69" t="s">
        <v>1123</v>
      </c>
      <c r="B19" s="834"/>
      <c r="C19" s="834"/>
      <c r="D19" s="834"/>
      <c r="E19" s="834"/>
      <c r="F19" s="834"/>
      <c r="G19" s="834"/>
      <c r="H19" s="834"/>
      <c r="I19" s="70"/>
      <c r="J19" s="834"/>
      <c r="K19" s="834"/>
      <c r="L19" s="834"/>
      <c r="M19" s="834"/>
      <c r="N19" s="834"/>
      <c r="O19" s="834"/>
      <c r="P19" s="834"/>
      <c r="Q19" s="834"/>
    </row>
    <row r="20" spans="1:18" s="850" customFormat="1" ht="15" customHeight="1">
      <c r="A20" s="69"/>
      <c r="B20" s="834"/>
      <c r="C20" s="834"/>
      <c r="D20" s="834"/>
      <c r="E20" s="834"/>
      <c r="F20" s="834"/>
      <c r="G20" s="834"/>
      <c r="H20" s="834"/>
      <c r="I20" s="70"/>
      <c r="J20" s="834"/>
      <c r="K20" s="834"/>
      <c r="L20" s="834"/>
      <c r="M20" s="834"/>
      <c r="N20" s="834"/>
      <c r="O20" s="834"/>
      <c r="P20" s="834"/>
      <c r="Q20" s="834"/>
    </row>
    <row r="21" spans="1:18" s="850" customFormat="1" ht="15" customHeight="1">
      <c r="A21" s="69"/>
      <c r="B21" s="834"/>
      <c r="C21" s="834"/>
      <c r="D21" s="834"/>
      <c r="E21" s="834"/>
      <c r="F21" s="834"/>
      <c r="G21" s="834"/>
      <c r="H21" s="834"/>
      <c r="I21" s="70"/>
      <c r="J21" s="834"/>
      <c r="K21" s="834"/>
      <c r="L21" s="834"/>
      <c r="M21" s="834"/>
      <c r="N21" s="834"/>
      <c r="O21" s="834"/>
      <c r="P21" s="834"/>
      <c r="Q21" s="834"/>
    </row>
    <row r="22" spans="1:18" s="850" customFormat="1" ht="15" customHeight="1">
      <c r="A22" s="69"/>
      <c r="B22" s="834"/>
      <c r="C22" s="834"/>
      <c r="D22" s="834"/>
      <c r="E22" s="834"/>
      <c r="F22" s="834"/>
      <c r="G22" s="834"/>
      <c r="H22" s="834"/>
      <c r="I22" s="70"/>
      <c r="J22" s="834"/>
      <c r="K22" s="834"/>
      <c r="L22" s="834"/>
      <c r="M22" s="834"/>
      <c r="N22" s="834"/>
      <c r="O22" s="834"/>
      <c r="P22" s="834"/>
      <c r="Q22" s="834"/>
    </row>
    <row r="23" spans="1:18" s="850" customFormat="1" ht="15" customHeight="1">
      <c r="A23" s="69"/>
      <c r="B23" s="834"/>
      <c r="C23" s="834"/>
      <c r="D23" s="834"/>
      <c r="E23" s="834"/>
      <c r="F23" s="834"/>
      <c r="G23" s="834"/>
      <c r="H23" s="834"/>
      <c r="I23" s="70"/>
      <c r="J23" s="834"/>
      <c r="K23" s="834"/>
      <c r="L23" s="834"/>
      <c r="M23" s="834"/>
      <c r="N23" s="834"/>
      <c r="O23" s="834"/>
      <c r="P23" s="834"/>
      <c r="Q23" s="834"/>
    </row>
    <row r="24" spans="1:18" s="850" customFormat="1" ht="15" customHeight="1">
      <c r="A24" s="69"/>
      <c r="B24" s="834"/>
      <c r="C24" s="834"/>
      <c r="D24" s="834"/>
      <c r="E24" s="834"/>
      <c r="F24" s="834"/>
      <c r="G24" s="834"/>
      <c r="H24" s="834"/>
      <c r="I24" s="70"/>
      <c r="J24" s="834"/>
      <c r="K24" s="834"/>
      <c r="L24" s="834"/>
      <c r="M24" s="834"/>
      <c r="N24" s="834"/>
      <c r="O24" s="834"/>
      <c r="P24" s="834"/>
      <c r="Q24" s="834"/>
    </row>
    <row r="25" spans="1:18" s="850" customFormat="1" ht="13.95" customHeight="1" thickBot="1">
      <c r="A25" s="837"/>
      <c r="B25" s="838"/>
      <c r="C25" s="838"/>
      <c r="D25" s="838"/>
      <c r="E25" s="838"/>
      <c r="F25" s="838"/>
      <c r="G25" s="838"/>
      <c r="H25" s="838"/>
      <c r="I25" s="839"/>
      <c r="J25" s="522"/>
      <c r="K25" s="522"/>
      <c r="L25" s="522"/>
      <c r="M25" s="522"/>
      <c r="N25" s="522"/>
      <c r="O25" s="522"/>
      <c r="P25" s="522"/>
      <c r="Q25" s="522"/>
    </row>
    <row r="26" spans="1:18" s="850" customFormat="1" ht="6" customHeight="1">
      <c r="A26" s="523"/>
      <c r="B26" s="524"/>
      <c r="C26" s="524"/>
      <c r="D26" s="524"/>
      <c r="E26" s="524"/>
      <c r="F26" s="524"/>
      <c r="G26" s="524"/>
      <c r="H26" s="524"/>
      <c r="I26" s="531"/>
      <c r="J26" s="522"/>
      <c r="K26" s="522"/>
      <c r="L26" s="522"/>
      <c r="M26" s="522"/>
      <c r="N26" s="522"/>
      <c r="O26" s="522"/>
      <c r="P26" s="522"/>
      <c r="Q26" s="522"/>
    </row>
    <row r="27" spans="1:18" s="850" customFormat="1" ht="6" customHeight="1">
      <c r="A27" s="69"/>
      <c r="B27" s="834"/>
      <c r="C27" s="834"/>
      <c r="D27" s="834"/>
      <c r="E27" s="834"/>
      <c r="F27" s="834"/>
      <c r="G27" s="834"/>
      <c r="H27" s="834"/>
      <c r="I27" s="70"/>
      <c r="J27" s="522"/>
      <c r="K27" s="522"/>
      <c r="L27" s="522"/>
      <c r="M27" s="522"/>
      <c r="N27" s="522"/>
      <c r="O27" s="522"/>
      <c r="P27" s="522"/>
      <c r="Q27" s="522"/>
    </row>
    <row r="28" spans="1:18" s="850" customFormat="1" ht="16.5" customHeight="1">
      <c r="A28" s="69" t="s">
        <v>846</v>
      </c>
      <c r="B28" s="834"/>
      <c r="C28" s="834"/>
      <c r="D28" s="834"/>
      <c r="E28" s="834"/>
      <c r="F28" s="834"/>
      <c r="G28" s="834"/>
      <c r="H28" s="834"/>
      <c r="I28" s="70"/>
      <c r="J28" s="522"/>
      <c r="K28" s="522"/>
      <c r="L28" s="522"/>
      <c r="M28" s="522"/>
      <c r="N28" s="522"/>
      <c r="O28" s="522"/>
      <c r="P28" s="522"/>
      <c r="Q28" s="522"/>
    </row>
    <row r="29" spans="1:18" s="850" customFormat="1" ht="16.5" customHeight="1">
      <c r="A29" s="69" t="s">
        <v>847</v>
      </c>
      <c r="B29" s="834"/>
      <c r="C29" s="834"/>
      <c r="D29" s="834"/>
      <c r="E29" s="834"/>
      <c r="F29" s="834"/>
      <c r="G29" s="834"/>
      <c r="H29" s="834"/>
      <c r="I29" s="70"/>
      <c r="J29" s="522"/>
      <c r="K29" s="522"/>
      <c r="L29" s="522"/>
      <c r="M29" s="522"/>
      <c r="N29" s="522"/>
      <c r="O29" s="522"/>
      <c r="P29" s="522"/>
      <c r="Q29" s="522"/>
    </row>
    <row r="30" spans="1:18" s="850" customFormat="1" ht="16.5" customHeight="1">
      <c r="A30" s="69" t="s">
        <v>848</v>
      </c>
      <c r="B30" s="834"/>
      <c r="C30" s="834"/>
      <c r="D30" s="834"/>
      <c r="E30" s="834"/>
      <c r="F30" s="834"/>
      <c r="G30" s="834"/>
      <c r="H30" s="834"/>
      <c r="I30" s="70"/>
      <c r="J30" s="522"/>
      <c r="K30" s="522"/>
      <c r="L30" s="522"/>
      <c r="M30" s="522"/>
      <c r="N30" s="522"/>
      <c r="O30" s="522"/>
      <c r="P30" s="522"/>
      <c r="Q30" s="522"/>
    </row>
    <row r="31" spans="1:18" s="850" customFormat="1" ht="16.5" customHeight="1">
      <c r="A31" s="69" t="s">
        <v>849</v>
      </c>
      <c r="B31" s="834"/>
      <c r="C31" s="834"/>
      <c r="D31" s="834"/>
      <c r="E31" s="834"/>
      <c r="F31" s="834"/>
      <c r="G31" s="834"/>
      <c r="H31" s="834"/>
      <c r="I31" s="70"/>
      <c r="J31" s="522"/>
      <c r="K31" s="522"/>
      <c r="L31" s="522"/>
      <c r="M31" s="522"/>
      <c r="N31" s="522"/>
      <c r="O31" s="522"/>
      <c r="P31" s="522"/>
      <c r="Q31" s="522"/>
    </row>
    <row r="32" spans="1:18" s="850" customFormat="1" ht="13.5" customHeight="1" thickBot="1">
      <c r="A32" s="525"/>
      <c r="B32" s="526"/>
      <c r="C32" s="526"/>
      <c r="D32" s="526"/>
      <c r="E32" s="526"/>
      <c r="F32" s="527"/>
      <c r="G32" s="527"/>
      <c r="H32" s="527"/>
      <c r="I32" s="528"/>
      <c r="J32" s="522"/>
      <c r="K32" s="522"/>
      <c r="L32" s="522"/>
      <c r="M32" s="522"/>
      <c r="N32" s="522"/>
      <c r="O32" s="522"/>
      <c r="P32" s="522"/>
      <c r="Q32" s="522"/>
      <c r="R32" s="522"/>
    </row>
    <row r="33" spans="1:18" s="850" customFormat="1" ht="13.5" customHeight="1">
      <c r="A33" s="529"/>
      <c r="B33" s="530"/>
      <c r="C33" s="530"/>
      <c r="D33" s="530"/>
      <c r="E33" s="530"/>
      <c r="F33" s="72"/>
      <c r="G33" s="72"/>
      <c r="H33" s="72"/>
      <c r="I33" s="73"/>
      <c r="J33" s="522"/>
      <c r="K33" s="522"/>
      <c r="L33" s="522"/>
      <c r="M33" s="522"/>
      <c r="N33" s="522"/>
      <c r="O33" s="522"/>
      <c r="P33" s="522"/>
      <c r="Q33" s="522"/>
      <c r="R33" s="522"/>
    </row>
    <row r="34" spans="1:18" s="850" customFormat="1" ht="15" customHeight="1">
      <c r="A34" s="69" t="s">
        <v>71</v>
      </c>
      <c r="B34" s="834"/>
      <c r="C34" s="834"/>
      <c r="D34" s="834"/>
      <c r="E34" s="834"/>
      <c r="F34" s="834"/>
      <c r="G34" s="834"/>
      <c r="H34" s="834"/>
      <c r="I34" s="70"/>
      <c r="J34" s="834"/>
      <c r="K34" s="834"/>
      <c r="L34" s="834"/>
      <c r="M34" s="834"/>
      <c r="N34" s="834"/>
      <c r="O34" s="834"/>
      <c r="P34" s="834"/>
      <c r="Q34" s="834"/>
    </row>
    <row r="35" spans="1:18" s="850" customFormat="1" ht="15" customHeight="1">
      <c r="A35" s="69" t="s">
        <v>72</v>
      </c>
      <c r="B35" s="834"/>
      <c r="C35" s="834"/>
      <c r="D35" s="834"/>
      <c r="E35" s="834"/>
      <c r="F35" s="834"/>
      <c r="G35" s="834"/>
      <c r="H35" s="834"/>
      <c r="I35" s="70"/>
      <c r="J35" s="834"/>
      <c r="K35" s="834"/>
      <c r="L35" s="834"/>
      <c r="M35" s="834"/>
      <c r="N35" s="834"/>
      <c r="O35" s="834"/>
      <c r="P35" s="834"/>
      <c r="Q35" s="834"/>
    </row>
    <row r="36" spans="1:18" s="850" customFormat="1" ht="15" customHeight="1">
      <c r="A36" s="69" t="s">
        <v>73</v>
      </c>
      <c r="B36" s="834"/>
      <c r="C36" s="834"/>
      <c r="D36" s="834"/>
      <c r="E36" s="884"/>
      <c r="F36" s="834"/>
      <c r="G36" s="834"/>
      <c r="H36" s="834"/>
      <c r="I36" s="70"/>
      <c r="J36" s="834"/>
      <c r="K36" s="834"/>
      <c r="L36" s="834"/>
      <c r="M36" s="834"/>
      <c r="N36" s="834"/>
      <c r="O36" s="834"/>
      <c r="P36" s="834"/>
      <c r="Q36" s="834"/>
    </row>
    <row r="37" spans="1:18" s="850" customFormat="1" ht="15" customHeight="1">
      <c r="A37" s="69" t="s">
        <v>74</v>
      </c>
      <c r="B37" s="834"/>
      <c r="C37" s="834"/>
      <c r="D37" s="834"/>
      <c r="E37" s="834"/>
      <c r="F37" s="834"/>
      <c r="G37" s="834"/>
      <c r="H37" s="834"/>
      <c r="I37" s="70"/>
      <c r="J37" s="834"/>
      <c r="K37" s="834"/>
      <c r="L37" s="834"/>
      <c r="M37" s="834"/>
      <c r="N37" s="834"/>
      <c r="O37" s="834"/>
      <c r="P37" s="834"/>
      <c r="Q37" s="834"/>
    </row>
    <row r="38" spans="1:18" s="850" customFormat="1" ht="15" customHeight="1">
      <c r="A38" s="883"/>
      <c r="B38" s="834"/>
      <c r="C38" s="834"/>
      <c r="D38" s="834"/>
      <c r="E38" s="834"/>
      <c r="F38" s="834"/>
      <c r="G38" s="834"/>
      <c r="H38" s="834"/>
      <c r="I38" s="70"/>
      <c r="J38" s="834"/>
      <c r="K38" s="834"/>
      <c r="L38" s="834"/>
      <c r="M38" s="834"/>
      <c r="N38" s="834"/>
      <c r="O38" s="834"/>
      <c r="P38" s="834"/>
      <c r="Q38" s="834"/>
    </row>
    <row r="39" spans="1:18" s="850" customFormat="1" ht="15" customHeight="1">
      <c r="A39" s="883"/>
      <c r="B39" s="834"/>
      <c r="C39" s="834"/>
      <c r="D39" s="834"/>
      <c r="E39" s="834"/>
      <c r="F39" s="834"/>
      <c r="G39" s="834"/>
      <c r="H39" s="834"/>
      <c r="I39" s="70"/>
      <c r="J39" s="834"/>
      <c r="K39" s="834"/>
      <c r="L39" s="834"/>
      <c r="M39" s="834"/>
      <c r="N39" s="834"/>
      <c r="O39" s="834"/>
      <c r="P39" s="834"/>
      <c r="Q39" s="834"/>
    </row>
    <row r="40" spans="1:18" s="850" customFormat="1" ht="15" customHeight="1">
      <c r="A40" s="69" t="s">
        <v>75</v>
      </c>
      <c r="B40" s="834"/>
      <c r="C40" s="834"/>
      <c r="D40" s="834"/>
      <c r="E40" s="834" t="s">
        <v>76</v>
      </c>
      <c r="F40" s="834"/>
      <c r="G40" s="834"/>
      <c r="H40" s="834"/>
      <c r="I40" s="70"/>
      <c r="J40" s="834"/>
      <c r="K40" s="834"/>
      <c r="L40" s="834"/>
      <c r="M40" s="834"/>
      <c r="N40" s="834"/>
      <c r="O40" s="834"/>
      <c r="P40" s="834"/>
      <c r="Q40" s="834"/>
    </row>
    <row r="41" spans="1:18" s="850" customFormat="1" ht="15" customHeight="1">
      <c r="A41" s="69"/>
      <c r="B41" s="834"/>
      <c r="C41" s="834"/>
      <c r="D41" s="834"/>
      <c r="E41" s="834"/>
      <c r="F41" s="834"/>
      <c r="G41" s="834"/>
      <c r="H41" s="834"/>
      <c r="I41" s="70"/>
      <c r="J41" s="834"/>
      <c r="K41" s="834"/>
      <c r="L41" s="834"/>
      <c r="M41" s="834"/>
      <c r="N41" s="834"/>
      <c r="O41" s="834"/>
      <c r="P41" s="834"/>
      <c r="Q41" s="834"/>
    </row>
    <row r="42" spans="1:18" s="850" customFormat="1" ht="15" customHeight="1">
      <c r="A42" s="69"/>
      <c r="B42" s="834"/>
      <c r="C42" s="834"/>
      <c r="D42" s="834"/>
      <c r="E42" s="834"/>
      <c r="F42" s="834"/>
      <c r="G42" s="834"/>
      <c r="H42" s="834"/>
      <c r="I42" s="70"/>
      <c r="J42" s="834"/>
      <c r="K42" s="834"/>
      <c r="L42" s="834"/>
      <c r="M42" s="834"/>
      <c r="N42" s="834"/>
      <c r="O42" s="834"/>
      <c r="P42" s="834"/>
      <c r="Q42" s="834"/>
    </row>
    <row r="43" spans="1:18" s="850" customFormat="1" ht="15" customHeight="1">
      <c r="A43" s="69"/>
      <c r="B43" s="834"/>
      <c r="C43" s="834"/>
      <c r="D43" s="834"/>
      <c r="E43" s="834"/>
      <c r="F43" s="834"/>
      <c r="G43" s="834"/>
      <c r="H43" s="834"/>
      <c r="I43" s="70"/>
      <c r="J43" s="834"/>
      <c r="K43" s="834"/>
      <c r="L43" s="834"/>
      <c r="M43" s="834"/>
      <c r="N43" s="834"/>
      <c r="O43" s="834"/>
      <c r="P43" s="834"/>
      <c r="Q43" s="834"/>
    </row>
    <row r="44" spans="1:18" s="850" customFormat="1" ht="15" customHeight="1">
      <c r="A44" s="69"/>
      <c r="B44" s="834"/>
      <c r="C44" s="834"/>
      <c r="D44" s="834"/>
      <c r="E44" s="834"/>
      <c r="F44" s="834"/>
      <c r="G44" s="834"/>
      <c r="H44" s="834"/>
      <c r="I44" s="70"/>
      <c r="J44" s="834"/>
      <c r="K44" s="834"/>
      <c r="L44" s="834"/>
      <c r="M44" s="834"/>
      <c r="N44" s="834"/>
      <c r="O44" s="834"/>
      <c r="P44" s="834"/>
      <c r="Q44" s="834"/>
    </row>
    <row r="45" spans="1:18" s="850" customFormat="1" ht="15" customHeight="1">
      <c r="A45" s="69"/>
      <c r="B45" s="834"/>
      <c r="C45" s="834"/>
      <c r="D45" s="834"/>
      <c r="E45" s="834"/>
      <c r="F45" s="834"/>
      <c r="G45" s="834"/>
      <c r="H45" s="834"/>
      <c r="I45" s="70"/>
      <c r="J45" s="846"/>
      <c r="K45" s="846"/>
      <c r="L45" s="846"/>
      <c r="M45" s="846"/>
      <c r="N45" s="846"/>
      <c r="O45" s="846"/>
      <c r="P45" s="846"/>
      <c r="Q45" s="846"/>
    </row>
    <row r="46" spans="1:18" s="76" customFormat="1" ht="57" customHeight="1" thickBot="1">
      <c r="A46" s="952" t="s">
        <v>77</v>
      </c>
      <c r="B46" s="953"/>
      <c r="C46" s="953"/>
      <c r="D46" s="953"/>
      <c r="E46" s="953"/>
      <c r="F46" s="953"/>
      <c r="G46" s="953"/>
      <c r="H46" s="953"/>
      <c r="I46" s="954"/>
      <c r="J46" s="75"/>
      <c r="K46" s="75"/>
      <c r="L46" s="75"/>
      <c r="M46" s="75"/>
      <c r="N46" s="75"/>
      <c r="O46" s="75"/>
      <c r="P46" s="75"/>
      <c r="Q46" s="75"/>
    </row>
    <row r="47" spans="1:18">
      <c r="A47" s="76"/>
      <c r="B47" s="76"/>
      <c r="C47" s="76"/>
      <c r="D47" s="76"/>
      <c r="E47" s="76"/>
      <c r="F47" s="76"/>
      <c r="G47" s="76"/>
      <c r="H47" s="76"/>
      <c r="I47" s="76"/>
    </row>
  </sheetData>
  <mergeCells count="4">
    <mergeCell ref="A3:I3"/>
    <mergeCell ref="A6:D6"/>
    <mergeCell ref="A46:I46"/>
    <mergeCell ref="A7:D7"/>
  </mergeCells>
  <phoneticPr fontId="3"/>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1265" r:id="rId4" name="Check Box 1">
              <controlPr defaultSize="0" autoFill="0" autoLine="0" autoPict="0">
                <anchor moveWithCells="1">
                  <from>
                    <xdr:col>6</xdr:col>
                    <xdr:colOff>22860</xdr:colOff>
                    <xdr:row>27</xdr:row>
                    <xdr:rowOff>137160</xdr:rowOff>
                  </from>
                  <to>
                    <xdr:col>6</xdr:col>
                    <xdr:colOff>464820</xdr:colOff>
                    <xdr:row>29</xdr:row>
                    <xdr:rowOff>0</xdr:rowOff>
                  </to>
                </anchor>
              </controlPr>
            </control>
          </mc:Choice>
        </mc:AlternateContent>
        <mc:AlternateContent xmlns:mc="http://schemas.openxmlformats.org/markup-compatibility/2006">
          <mc:Choice Requires="x14">
            <control shapeId="11266" r:id="rId5" name="Check Box 2">
              <controlPr defaultSize="0" autoFill="0" autoLine="0" autoPict="0">
                <anchor moveWithCells="1">
                  <from>
                    <xdr:col>6</xdr:col>
                    <xdr:colOff>533400</xdr:colOff>
                    <xdr:row>27</xdr:row>
                    <xdr:rowOff>175260</xdr:rowOff>
                  </from>
                  <to>
                    <xdr:col>7</xdr:col>
                    <xdr:colOff>342900</xdr:colOff>
                    <xdr:row>28</xdr:row>
                    <xdr:rowOff>198120</xdr:rowOff>
                  </to>
                </anchor>
              </controlPr>
            </control>
          </mc:Choice>
        </mc:AlternateContent>
        <mc:AlternateContent xmlns:mc="http://schemas.openxmlformats.org/markup-compatibility/2006">
          <mc:Choice Requires="x14">
            <control shapeId="11267" r:id="rId6" name="Check Box 3">
              <controlPr defaultSize="0" autoFill="0" autoLine="0" autoPict="0">
                <anchor moveWithCells="1">
                  <from>
                    <xdr:col>6</xdr:col>
                    <xdr:colOff>30480</xdr:colOff>
                    <xdr:row>28</xdr:row>
                    <xdr:rowOff>160020</xdr:rowOff>
                  </from>
                  <to>
                    <xdr:col>7</xdr:col>
                    <xdr:colOff>220980</xdr:colOff>
                    <xdr:row>29</xdr:row>
                    <xdr:rowOff>182880</xdr:rowOff>
                  </to>
                </anchor>
              </controlPr>
            </control>
          </mc:Choice>
        </mc:AlternateContent>
        <mc:AlternateContent xmlns:mc="http://schemas.openxmlformats.org/markup-compatibility/2006">
          <mc:Choice Requires="x14">
            <control shapeId="11268" r:id="rId7" name="Check Box 4">
              <controlPr defaultSize="0" autoFill="0" autoLine="0" autoPict="0">
                <anchor moveWithCells="1">
                  <from>
                    <xdr:col>7</xdr:col>
                    <xdr:colOff>312420</xdr:colOff>
                    <xdr:row>28</xdr:row>
                    <xdr:rowOff>144780</xdr:rowOff>
                  </from>
                  <to>
                    <xdr:col>8</xdr:col>
                    <xdr:colOff>609600</xdr:colOff>
                    <xdr:row>29</xdr:row>
                    <xdr:rowOff>198120</xdr:rowOff>
                  </to>
                </anchor>
              </controlPr>
            </control>
          </mc:Choice>
        </mc:AlternateContent>
        <mc:AlternateContent xmlns:mc="http://schemas.openxmlformats.org/markup-compatibility/2006">
          <mc:Choice Requires="x14">
            <control shapeId="11271" r:id="rId8" name="Check Box 7">
              <controlPr defaultSize="0" autoFill="0" autoLine="0" autoPict="0">
                <anchor moveWithCells="1">
                  <from>
                    <xdr:col>6</xdr:col>
                    <xdr:colOff>30480</xdr:colOff>
                    <xdr:row>30</xdr:row>
                    <xdr:rowOff>0</xdr:rowOff>
                  </from>
                  <to>
                    <xdr:col>7</xdr:col>
                    <xdr:colOff>220980</xdr:colOff>
                    <xdr:row>31</xdr:row>
                    <xdr:rowOff>60960</xdr:rowOff>
                  </to>
                </anchor>
              </controlPr>
            </control>
          </mc:Choice>
        </mc:AlternateContent>
        <mc:AlternateContent xmlns:mc="http://schemas.openxmlformats.org/markup-compatibility/2006">
          <mc:Choice Requires="x14">
            <control shapeId="11272" r:id="rId9" name="Check Box 8">
              <controlPr defaultSize="0" autoFill="0" autoLine="0" autoPict="0">
                <anchor moveWithCells="1">
                  <from>
                    <xdr:col>7</xdr:col>
                    <xdr:colOff>312420</xdr:colOff>
                    <xdr:row>30</xdr:row>
                    <xdr:rowOff>0</xdr:rowOff>
                  </from>
                  <to>
                    <xdr:col>8</xdr:col>
                    <xdr:colOff>594360</xdr:colOff>
                    <xdr:row>31</xdr:row>
                    <xdr:rowOff>22860</xdr:rowOff>
                  </to>
                </anchor>
              </controlPr>
            </control>
          </mc:Choice>
        </mc:AlternateContent>
      </controls>
    </mc:Choice>
  </mc:AlternateContent>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21"/>
  <dimension ref="A1:M48"/>
  <sheetViews>
    <sheetView view="pageBreakPreview" zoomScaleNormal="100" zoomScaleSheetLayoutView="100" workbookViewId="0"/>
  </sheetViews>
  <sheetFormatPr defaultRowHeight="10.8"/>
  <cols>
    <col min="1" max="1" width="3.77734375" style="354" customWidth="1"/>
    <col min="2" max="2" width="12.33203125" style="354" customWidth="1"/>
    <col min="3" max="10" width="8.44140625" style="354" customWidth="1"/>
    <col min="11" max="256" width="9" style="354"/>
    <col min="257" max="257" width="3.77734375" style="354" customWidth="1"/>
    <col min="258" max="258" width="12.33203125" style="354" customWidth="1"/>
    <col min="259" max="266" width="8.44140625" style="354" customWidth="1"/>
    <col min="267" max="512" width="9" style="354"/>
    <col min="513" max="513" width="3.77734375" style="354" customWidth="1"/>
    <col min="514" max="514" width="12.33203125" style="354" customWidth="1"/>
    <col min="515" max="522" width="8.44140625" style="354" customWidth="1"/>
    <col min="523" max="768" width="9" style="354"/>
    <col min="769" max="769" width="3.77734375" style="354" customWidth="1"/>
    <col min="770" max="770" width="12.33203125" style="354" customWidth="1"/>
    <col min="771" max="778" width="8.44140625" style="354" customWidth="1"/>
    <col min="779" max="1024" width="9" style="354"/>
    <col min="1025" max="1025" width="3.77734375" style="354" customWidth="1"/>
    <col min="1026" max="1026" width="12.33203125" style="354" customWidth="1"/>
    <col min="1027" max="1034" width="8.44140625" style="354" customWidth="1"/>
    <col min="1035" max="1280" width="9" style="354"/>
    <col min="1281" max="1281" width="3.77734375" style="354" customWidth="1"/>
    <col min="1282" max="1282" width="12.33203125" style="354" customWidth="1"/>
    <col min="1283" max="1290" width="8.44140625" style="354" customWidth="1"/>
    <col min="1291" max="1536" width="9" style="354"/>
    <col min="1537" max="1537" width="3.77734375" style="354" customWidth="1"/>
    <col min="1538" max="1538" width="12.33203125" style="354" customWidth="1"/>
    <col min="1539" max="1546" width="8.44140625" style="354" customWidth="1"/>
    <col min="1547" max="1792" width="9" style="354"/>
    <col min="1793" max="1793" width="3.77734375" style="354" customWidth="1"/>
    <col min="1794" max="1794" width="12.33203125" style="354" customWidth="1"/>
    <col min="1795" max="1802" width="8.44140625" style="354" customWidth="1"/>
    <col min="1803" max="2048" width="9" style="354"/>
    <col min="2049" max="2049" width="3.77734375" style="354" customWidth="1"/>
    <col min="2050" max="2050" width="12.33203125" style="354" customWidth="1"/>
    <col min="2051" max="2058" width="8.44140625" style="354" customWidth="1"/>
    <col min="2059" max="2304" width="9" style="354"/>
    <col min="2305" max="2305" width="3.77734375" style="354" customWidth="1"/>
    <col min="2306" max="2306" width="12.33203125" style="354" customWidth="1"/>
    <col min="2307" max="2314" width="8.44140625" style="354" customWidth="1"/>
    <col min="2315" max="2560" width="9" style="354"/>
    <col min="2561" max="2561" width="3.77734375" style="354" customWidth="1"/>
    <col min="2562" max="2562" width="12.33203125" style="354" customWidth="1"/>
    <col min="2563" max="2570" width="8.44140625" style="354" customWidth="1"/>
    <col min="2571" max="2816" width="9" style="354"/>
    <col min="2817" max="2817" width="3.77734375" style="354" customWidth="1"/>
    <col min="2818" max="2818" width="12.33203125" style="354" customWidth="1"/>
    <col min="2819" max="2826" width="8.44140625" style="354" customWidth="1"/>
    <col min="2827" max="3072" width="9" style="354"/>
    <col min="3073" max="3073" width="3.77734375" style="354" customWidth="1"/>
    <col min="3074" max="3074" width="12.33203125" style="354" customWidth="1"/>
    <col min="3075" max="3082" width="8.44140625" style="354" customWidth="1"/>
    <col min="3083" max="3328" width="9" style="354"/>
    <col min="3329" max="3329" width="3.77734375" style="354" customWidth="1"/>
    <col min="3330" max="3330" width="12.33203125" style="354" customWidth="1"/>
    <col min="3331" max="3338" width="8.44140625" style="354" customWidth="1"/>
    <col min="3339" max="3584" width="9" style="354"/>
    <col min="3585" max="3585" width="3.77734375" style="354" customWidth="1"/>
    <col min="3586" max="3586" width="12.33203125" style="354" customWidth="1"/>
    <col min="3587" max="3594" width="8.44140625" style="354" customWidth="1"/>
    <col min="3595" max="3840" width="9" style="354"/>
    <col min="3841" max="3841" width="3.77734375" style="354" customWidth="1"/>
    <col min="3842" max="3842" width="12.33203125" style="354" customWidth="1"/>
    <col min="3843" max="3850" width="8.44140625" style="354" customWidth="1"/>
    <col min="3851" max="4096" width="9" style="354"/>
    <col min="4097" max="4097" width="3.77734375" style="354" customWidth="1"/>
    <col min="4098" max="4098" width="12.33203125" style="354" customWidth="1"/>
    <col min="4099" max="4106" width="8.44140625" style="354" customWidth="1"/>
    <col min="4107" max="4352" width="9" style="354"/>
    <col min="4353" max="4353" width="3.77734375" style="354" customWidth="1"/>
    <col min="4354" max="4354" width="12.33203125" style="354" customWidth="1"/>
    <col min="4355" max="4362" width="8.44140625" style="354" customWidth="1"/>
    <col min="4363" max="4608" width="9" style="354"/>
    <col min="4609" max="4609" width="3.77734375" style="354" customWidth="1"/>
    <col min="4610" max="4610" width="12.33203125" style="354" customWidth="1"/>
    <col min="4611" max="4618" width="8.44140625" style="354" customWidth="1"/>
    <col min="4619" max="4864" width="9" style="354"/>
    <col min="4865" max="4865" width="3.77734375" style="354" customWidth="1"/>
    <col min="4866" max="4866" width="12.33203125" style="354" customWidth="1"/>
    <col min="4867" max="4874" width="8.44140625" style="354" customWidth="1"/>
    <col min="4875" max="5120" width="9" style="354"/>
    <col min="5121" max="5121" width="3.77734375" style="354" customWidth="1"/>
    <col min="5122" max="5122" width="12.33203125" style="354" customWidth="1"/>
    <col min="5123" max="5130" width="8.44140625" style="354" customWidth="1"/>
    <col min="5131" max="5376" width="9" style="354"/>
    <col min="5377" max="5377" width="3.77734375" style="354" customWidth="1"/>
    <col min="5378" max="5378" width="12.33203125" style="354" customWidth="1"/>
    <col min="5379" max="5386" width="8.44140625" style="354" customWidth="1"/>
    <col min="5387" max="5632" width="9" style="354"/>
    <col min="5633" max="5633" width="3.77734375" style="354" customWidth="1"/>
    <col min="5634" max="5634" width="12.33203125" style="354" customWidth="1"/>
    <col min="5635" max="5642" width="8.44140625" style="354" customWidth="1"/>
    <col min="5643" max="5888" width="9" style="354"/>
    <col min="5889" max="5889" width="3.77734375" style="354" customWidth="1"/>
    <col min="5890" max="5890" width="12.33203125" style="354" customWidth="1"/>
    <col min="5891" max="5898" width="8.44140625" style="354" customWidth="1"/>
    <col min="5899" max="6144" width="9" style="354"/>
    <col min="6145" max="6145" width="3.77734375" style="354" customWidth="1"/>
    <col min="6146" max="6146" width="12.33203125" style="354" customWidth="1"/>
    <col min="6147" max="6154" width="8.44140625" style="354" customWidth="1"/>
    <col min="6155" max="6400" width="9" style="354"/>
    <col min="6401" max="6401" width="3.77734375" style="354" customWidth="1"/>
    <col min="6402" max="6402" width="12.33203125" style="354" customWidth="1"/>
    <col min="6403" max="6410" width="8.44140625" style="354" customWidth="1"/>
    <col min="6411" max="6656" width="9" style="354"/>
    <col min="6657" max="6657" width="3.77734375" style="354" customWidth="1"/>
    <col min="6658" max="6658" width="12.33203125" style="354" customWidth="1"/>
    <col min="6659" max="6666" width="8.44140625" style="354" customWidth="1"/>
    <col min="6667" max="6912" width="9" style="354"/>
    <col min="6913" max="6913" width="3.77734375" style="354" customWidth="1"/>
    <col min="6914" max="6914" width="12.33203125" style="354" customWidth="1"/>
    <col min="6915" max="6922" width="8.44140625" style="354" customWidth="1"/>
    <col min="6923" max="7168" width="9" style="354"/>
    <col min="7169" max="7169" width="3.77734375" style="354" customWidth="1"/>
    <col min="7170" max="7170" width="12.33203125" style="354" customWidth="1"/>
    <col min="7171" max="7178" width="8.44140625" style="354" customWidth="1"/>
    <col min="7179" max="7424" width="9" style="354"/>
    <col min="7425" max="7425" width="3.77734375" style="354" customWidth="1"/>
    <col min="7426" max="7426" width="12.33203125" style="354" customWidth="1"/>
    <col min="7427" max="7434" width="8.44140625" style="354" customWidth="1"/>
    <col min="7435" max="7680" width="9" style="354"/>
    <col min="7681" max="7681" width="3.77734375" style="354" customWidth="1"/>
    <col min="7682" max="7682" width="12.33203125" style="354" customWidth="1"/>
    <col min="7683" max="7690" width="8.44140625" style="354" customWidth="1"/>
    <col min="7691" max="7936" width="9" style="354"/>
    <col min="7937" max="7937" width="3.77734375" style="354" customWidth="1"/>
    <col min="7938" max="7938" width="12.33203125" style="354" customWidth="1"/>
    <col min="7939" max="7946" width="8.44140625" style="354" customWidth="1"/>
    <col min="7947" max="8192" width="9" style="354"/>
    <col min="8193" max="8193" width="3.77734375" style="354" customWidth="1"/>
    <col min="8194" max="8194" width="12.33203125" style="354" customWidth="1"/>
    <col min="8195" max="8202" width="8.44140625" style="354" customWidth="1"/>
    <col min="8203" max="8448" width="9" style="354"/>
    <col min="8449" max="8449" width="3.77734375" style="354" customWidth="1"/>
    <col min="8450" max="8450" width="12.33203125" style="354" customWidth="1"/>
    <col min="8451" max="8458" width="8.44140625" style="354" customWidth="1"/>
    <col min="8459" max="8704" width="9" style="354"/>
    <col min="8705" max="8705" width="3.77734375" style="354" customWidth="1"/>
    <col min="8706" max="8706" width="12.33203125" style="354" customWidth="1"/>
    <col min="8707" max="8714" width="8.44140625" style="354" customWidth="1"/>
    <col min="8715" max="8960" width="9" style="354"/>
    <col min="8961" max="8961" width="3.77734375" style="354" customWidth="1"/>
    <col min="8962" max="8962" width="12.33203125" style="354" customWidth="1"/>
    <col min="8963" max="8970" width="8.44140625" style="354" customWidth="1"/>
    <col min="8971" max="9216" width="9" style="354"/>
    <col min="9217" max="9217" width="3.77734375" style="354" customWidth="1"/>
    <col min="9218" max="9218" width="12.33203125" style="354" customWidth="1"/>
    <col min="9219" max="9226" width="8.44140625" style="354" customWidth="1"/>
    <col min="9227" max="9472" width="9" style="354"/>
    <col min="9473" max="9473" width="3.77734375" style="354" customWidth="1"/>
    <col min="9474" max="9474" width="12.33203125" style="354" customWidth="1"/>
    <col min="9475" max="9482" width="8.44140625" style="354" customWidth="1"/>
    <col min="9483" max="9728" width="9" style="354"/>
    <col min="9729" max="9729" width="3.77734375" style="354" customWidth="1"/>
    <col min="9730" max="9730" width="12.33203125" style="354" customWidth="1"/>
    <col min="9731" max="9738" width="8.44140625" style="354" customWidth="1"/>
    <col min="9739" max="9984" width="9" style="354"/>
    <col min="9985" max="9985" width="3.77734375" style="354" customWidth="1"/>
    <col min="9986" max="9986" width="12.33203125" style="354" customWidth="1"/>
    <col min="9987" max="9994" width="8.44140625" style="354" customWidth="1"/>
    <col min="9995" max="10240" width="9" style="354"/>
    <col min="10241" max="10241" width="3.77734375" style="354" customWidth="1"/>
    <col min="10242" max="10242" width="12.33203125" style="354" customWidth="1"/>
    <col min="10243" max="10250" width="8.44140625" style="354" customWidth="1"/>
    <col min="10251" max="10496" width="9" style="354"/>
    <col min="10497" max="10497" width="3.77734375" style="354" customWidth="1"/>
    <col min="10498" max="10498" width="12.33203125" style="354" customWidth="1"/>
    <col min="10499" max="10506" width="8.44140625" style="354" customWidth="1"/>
    <col min="10507" max="10752" width="9" style="354"/>
    <col min="10753" max="10753" width="3.77734375" style="354" customWidth="1"/>
    <col min="10754" max="10754" width="12.33203125" style="354" customWidth="1"/>
    <col min="10755" max="10762" width="8.44140625" style="354" customWidth="1"/>
    <col min="10763" max="11008" width="9" style="354"/>
    <col min="11009" max="11009" width="3.77734375" style="354" customWidth="1"/>
    <col min="11010" max="11010" width="12.33203125" style="354" customWidth="1"/>
    <col min="11011" max="11018" width="8.44140625" style="354" customWidth="1"/>
    <col min="11019" max="11264" width="9" style="354"/>
    <col min="11265" max="11265" width="3.77734375" style="354" customWidth="1"/>
    <col min="11266" max="11266" width="12.33203125" style="354" customWidth="1"/>
    <col min="11267" max="11274" width="8.44140625" style="354" customWidth="1"/>
    <col min="11275" max="11520" width="9" style="354"/>
    <col min="11521" max="11521" width="3.77734375" style="354" customWidth="1"/>
    <col min="11522" max="11522" width="12.33203125" style="354" customWidth="1"/>
    <col min="11523" max="11530" width="8.44140625" style="354" customWidth="1"/>
    <col min="11531" max="11776" width="9" style="354"/>
    <col min="11777" max="11777" width="3.77734375" style="354" customWidth="1"/>
    <col min="11778" max="11778" width="12.33203125" style="354" customWidth="1"/>
    <col min="11779" max="11786" width="8.44140625" style="354" customWidth="1"/>
    <col min="11787" max="12032" width="9" style="354"/>
    <col min="12033" max="12033" width="3.77734375" style="354" customWidth="1"/>
    <col min="12034" max="12034" width="12.33203125" style="354" customWidth="1"/>
    <col min="12035" max="12042" width="8.44140625" style="354" customWidth="1"/>
    <col min="12043" max="12288" width="9" style="354"/>
    <col min="12289" max="12289" width="3.77734375" style="354" customWidth="1"/>
    <col min="12290" max="12290" width="12.33203125" style="354" customWidth="1"/>
    <col min="12291" max="12298" width="8.44140625" style="354" customWidth="1"/>
    <col min="12299" max="12544" width="9" style="354"/>
    <col min="12545" max="12545" width="3.77734375" style="354" customWidth="1"/>
    <col min="12546" max="12546" width="12.33203125" style="354" customWidth="1"/>
    <col min="12547" max="12554" width="8.44140625" style="354" customWidth="1"/>
    <col min="12555" max="12800" width="9" style="354"/>
    <col min="12801" max="12801" width="3.77734375" style="354" customWidth="1"/>
    <col min="12802" max="12802" width="12.33203125" style="354" customWidth="1"/>
    <col min="12803" max="12810" width="8.44140625" style="354" customWidth="1"/>
    <col min="12811" max="13056" width="9" style="354"/>
    <col min="13057" max="13057" width="3.77734375" style="354" customWidth="1"/>
    <col min="13058" max="13058" width="12.33203125" style="354" customWidth="1"/>
    <col min="13059" max="13066" width="8.44140625" style="354" customWidth="1"/>
    <col min="13067" max="13312" width="9" style="354"/>
    <col min="13313" max="13313" width="3.77734375" style="354" customWidth="1"/>
    <col min="13314" max="13314" width="12.33203125" style="354" customWidth="1"/>
    <col min="13315" max="13322" width="8.44140625" style="354" customWidth="1"/>
    <col min="13323" max="13568" width="9" style="354"/>
    <col min="13569" max="13569" width="3.77734375" style="354" customWidth="1"/>
    <col min="13570" max="13570" width="12.33203125" style="354" customWidth="1"/>
    <col min="13571" max="13578" width="8.44140625" style="354" customWidth="1"/>
    <col min="13579" max="13824" width="9" style="354"/>
    <col min="13825" max="13825" width="3.77734375" style="354" customWidth="1"/>
    <col min="13826" max="13826" width="12.33203125" style="354" customWidth="1"/>
    <col min="13827" max="13834" width="8.44140625" style="354" customWidth="1"/>
    <col min="13835" max="14080" width="9" style="354"/>
    <col min="14081" max="14081" width="3.77734375" style="354" customWidth="1"/>
    <col min="14082" max="14082" width="12.33203125" style="354" customWidth="1"/>
    <col min="14083" max="14090" width="8.44140625" style="354" customWidth="1"/>
    <col min="14091" max="14336" width="9" style="354"/>
    <col min="14337" max="14337" width="3.77734375" style="354" customWidth="1"/>
    <col min="14338" max="14338" width="12.33203125" style="354" customWidth="1"/>
    <col min="14339" max="14346" width="8.44140625" style="354" customWidth="1"/>
    <col min="14347" max="14592" width="9" style="354"/>
    <col min="14593" max="14593" width="3.77734375" style="354" customWidth="1"/>
    <col min="14594" max="14594" width="12.33203125" style="354" customWidth="1"/>
    <col min="14595" max="14602" width="8.44140625" style="354" customWidth="1"/>
    <col min="14603" max="14848" width="9" style="354"/>
    <col min="14849" max="14849" width="3.77734375" style="354" customWidth="1"/>
    <col min="14850" max="14850" width="12.33203125" style="354" customWidth="1"/>
    <col min="14851" max="14858" width="8.44140625" style="354" customWidth="1"/>
    <col min="14859" max="15104" width="9" style="354"/>
    <col min="15105" max="15105" width="3.77734375" style="354" customWidth="1"/>
    <col min="15106" max="15106" width="12.33203125" style="354" customWidth="1"/>
    <col min="15107" max="15114" width="8.44140625" style="354" customWidth="1"/>
    <col min="15115" max="15360" width="9" style="354"/>
    <col min="15361" max="15361" width="3.77734375" style="354" customWidth="1"/>
    <col min="15362" max="15362" width="12.33203125" style="354" customWidth="1"/>
    <col min="15363" max="15370" width="8.44140625" style="354" customWidth="1"/>
    <col min="15371" max="15616" width="9" style="354"/>
    <col min="15617" max="15617" width="3.77734375" style="354" customWidth="1"/>
    <col min="15618" max="15618" width="12.33203125" style="354" customWidth="1"/>
    <col min="15619" max="15626" width="8.44140625" style="354" customWidth="1"/>
    <col min="15627" max="15872" width="9" style="354"/>
    <col min="15873" max="15873" width="3.77734375" style="354" customWidth="1"/>
    <col min="15874" max="15874" width="12.33203125" style="354" customWidth="1"/>
    <col min="15875" max="15882" width="8.44140625" style="354" customWidth="1"/>
    <col min="15883" max="16128" width="9" style="354"/>
    <col min="16129" max="16129" width="3.77734375" style="354" customWidth="1"/>
    <col min="16130" max="16130" width="12.33203125" style="354" customWidth="1"/>
    <col min="16131" max="16138" width="8.44140625" style="354" customWidth="1"/>
    <col min="16139" max="16384" width="9" style="354"/>
  </cols>
  <sheetData>
    <row r="1" spans="1:12" ht="12">
      <c r="A1" s="77" t="s">
        <v>645</v>
      </c>
      <c r="B1" s="77"/>
      <c r="C1" s="77"/>
      <c r="D1" s="77"/>
      <c r="E1" s="77"/>
      <c r="F1" s="77"/>
      <c r="G1" s="77"/>
      <c r="H1" s="77"/>
      <c r="I1" s="77"/>
      <c r="J1" s="77"/>
    </row>
    <row r="2" spans="1:12" ht="12">
      <c r="A2" s="77"/>
      <c r="B2" s="77"/>
      <c r="C2" s="77"/>
      <c r="D2" s="77"/>
      <c r="E2" s="77"/>
      <c r="F2" s="77"/>
      <c r="G2" s="77"/>
      <c r="H2" s="77"/>
      <c r="I2" s="77"/>
      <c r="J2" s="77"/>
    </row>
    <row r="3" spans="1:12" ht="12">
      <c r="A3" s="77" t="s">
        <v>646</v>
      </c>
      <c r="B3" s="77"/>
      <c r="C3" s="77"/>
      <c r="D3" s="77"/>
      <c r="E3" s="77"/>
      <c r="F3" s="77"/>
      <c r="G3" s="77"/>
      <c r="H3" s="77"/>
      <c r="I3" s="77"/>
      <c r="J3" s="77"/>
    </row>
    <row r="4" spans="1:12" ht="12.6" thickBot="1">
      <c r="A4" s="77" t="s">
        <v>647</v>
      </c>
      <c r="B4" s="77"/>
      <c r="C4" s="77"/>
      <c r="D4" s="77"/>
      <c r="E4" s="77"/>
      <c r="F4" s="77"/>
      <c r="G4" s="77"/>
      <c r="H4" s="77"/>
      <c r="I4" s="77"/>
      <c r="J4" s="77"/>
    </row>
    <row r="5" spans="1:12" ht="13.2">
      <c r="A5" s="1804"/>
      <c r="B5" s="1805"/>
      <c r="C5" s="921" t="s">
        <v>320</v>
      </c>
      <c r="D5" s="1403"/>
      <c r="E5" s="1403"/>
      <c r="F5" s="921" t="s">
        <v>321</v>
      </c>
      <c r="G5" s="1403"/>
      <c r="H5" s="1403"/>
      <c r="I5" s="1806" t="s">
        <v>648</v>
      </c>
      <c r="J5" s="1404"/>
    </row>
    <row r="6" spans="1:12" ht="27" customHeight="1">
      <c r="A6" s="886" t="s">
        <v>988</v>
      </c>
      <c r="B6" s="968"/>
      <c r="C6" s="82"/>
      <c r="D6" s="222"/>
      <c r="E6" s="222"/>
      <c r="F6" s="98"/>
      <c r="G6" s="98"/>
      <c r="H6" s="98"/>
      <c r="I6" s="436" t="s">
        <v>320</v>
      </c>
      <c r="J6" s="437" t="s">
        <v>649</v>
      </c>
    </row>
    <row r="7" spans="1:12" ht="19.5" customHeight="1">
      <c r="A7" s="1383" t="s">
        <v>987</v>
      </c>
      <c r="B7" s="1384"/>
      <c r="C7" s="1807"/>
      <c r="D7" s="1807"/>
      <c r="E7" s="1807"/>
      <c r="F7" s="1807"/>
      <c r="G7" s="1807"/>
      <c r="H7" s="1807"/>
      <c r="I7" s="1331" t="s">
        <v>650</v>
      </c>
      <c r="J7" s="1811"/>
    </row>
    <row r="8" spans="1:12" ht="19.5" customHeight="1">
      <c r="A8" s="1147"/>
      <c r="B8" s="1148"/>
      <c r="C8" s="1808"/>
      <c r="D8" s="1808"/>
      <c r="E8" s="1808"/>
      <c r="F8" s="1808"/>
      <c r="G8" s="1808"/>
      <c r="H8" s="1808"/>
      <c r="I8" s="438"/>
      <c r="J8" s="439"/>
    </row>
    <row r="9" spans="1:12" ht="19.5" customHeight="1">
      <c r="A9" s="886" t="s">
        <v>986</v>
      </c>
      <c r="B9" s="968"/>
      <c r="C9" s="82"/>
      <c r="D9" s="222"/>
      <c r="E9" s="222"/>
      <c r="F9" s="222"/>
      <c r="G9" s="222"/>
      <c r="H9" s="82"/>
      <c r="I9" s="438"/>
      <c r="J9" s="439"/>
    </row>
    <row r="10" spans="1:12" ht="14.1" customHeight="1">
      <c r="A10" s="886" t="s">
        <v>984</v>
      </c>
      <c r="B10" s="968"/>
      <c r="C10" s="767"/>
      <c r="D10" s="767"/>
      <c r="E10" s="767"/>
      <c r="F10" s="767"/>
      <c r="G10" s="767"/>
      <c r="H10" s="767"/>
      <c r="I10" s="767"/>
      <c r="J10" s="767"/>
      <c r="K10" s="368"/>
      <c r="L10" s="368"/>
    </row>
    <row r="11" spans="1:12" ht="14.1" customHeight="1">
      <c r="A11" s="886" t="s">
        <v>985</v>
      </c>
      <c r="B11" s="968"/>
      <c r="C11" s="767"/>
      <c r="D11" s="767"/>
      <c r="E11" s="767"/>
      <c r="F11" s="767"/>
      <c r="G11" s="767"/>
      <c r="H11" s="767"/>
      <c r="I11" s="767"/>
      <c r="J11" s="767"/>
      <c r="K11" s="368"/>
      <c r="L11" s="368"/>
    </row>
    <row r="12" spans="1:12" ht="14.1" customHeight="1">
      <c r="A12" s="1812" t="s">
        <v>989</v>
      </c>
      <c r="B12" s="222" t="s">
        <v>651</v>
      </c>
      <c r="C12" s="82"/>
      <c r="D12" s="222"/>
      <c r="E12" s="222"/>
      <c r="F12" s="222"/>
      <c r="G12" s="222"/>
      <c r="H12" s="222"/>
      <c r="I12" s="222"/>
      <c r="J12" s="441"/>
    </row>
    <row r="13" spans="1:12" ht="14.1" customHeight="1">
      <c r="A13" s="1813"/>
      <c r="B13" s="222" t="s">
        <v>652</v>
      </c>
      <c r="C13" s="82"/>
      <c r="D13" s="222"/>
      <c r="E13" s="222"/>
      <c r="F13" s="222"/>
      <c r="G13" s="222"/>
      <c r="H13" s="222"/>
      <c r="I13" s="222"/>
      <c r="J13" s="441"/>
    </row>
    <row r="14" spans="1:12" ht="14.1" customHeight="1">
      <c r="A14" s="1813"/>
      <c r="B14" s="222" t="s">
        <v>653</v>
      </c>
      <c r="C14" s="82"/>
      <c r="D14" s="222"/>
      <c r="E14" s="222"/>
      <c r="F14" s="222"/>
      <c r="G14" s="222"/>
      <c r="H14" s="222"/>
      <c r="I14" s="222"/>
      <c r="J14" s="441"/>
    </row>
    <row r="15" spans="1:12" ht="14.1" customHeight="1">
      <c r="A15" s="1813"/>
      <c r="B15" s="222" t="s">
        <v>654</v>
      </c>
      <c r="C15" s="82"/>
      <c r="D15" s="222"/>
      <c r="E15" s="222"/>
      <c r="F15" s="222"/>
      <c r="G15" s="222"/>
      <c r="H15" s="222"/>
      <c r="I15" s="222"/>
      <c r="J15" s="441"/>
    </row>
    <row r="16" spans="1:12" ht="14.1" customHeight="1">
      <c r="A16" s="1813"/>
      <c r="B16" s="222" t="s">
        <v>655</v>
      </c>
      <c r="C16" s="82"/>
      <c r="D16" s="222"/>
      <c r="E16" s="222"/>
      <c r="F16" s="222"/>
      <c r="G16" s="222"/>
      <c r="H16" s="222"/>
      <c r="I16" s="222"/>
      <c r="J16" s="441"/>
    </row>
    <row r="17" spans="1:10" ht="14.1" customHeight="1">
      <c r="A17" s="1813"/>
      <c r="B17" s="222" t="s">
        <v>656</v>
      </c>
      <c r="C17" s="82"/>
      <c r="D17" s="222"/>
      <c r="E17" s="222"/>
      <c r="F17" s="222"/>
      <c r="G17" s="222"/>
      <c r="H17" s="222"/>
      <c r="I17" s="222"/>
      <c r="J17" s="441"/>
    </row>
    <row r="18" spans="1:10" ht="14.1" customHeight="1">
      <c r="A18" s="1813"/>
      <c r="B18" s="222" t="s">
        <v>657</v>
      </c>
      <c r="C18" s="82"/>
      <c r="D18" s="222"/>
      <c r="E18" s="222"/>
      <c r="F18" s="222"/>
      <c r="G18" s="222"/>
      <c r="H18" s="222"/>
      <c r="I18" s="222"/>
      <c r="J18" s="441"/>
    </row>
    <row r="19" spans="1:10" ht="14.1" customHeight="1">
      <c r="A19" s="1813"/>
      <c r="B19" s="222" t="s">
        <v>658</v>
      </c>
      <c r="C19" s="82"/>
      <c r="D19" s="222"/>
      <c r="E19" s="222"/>
      <c r="F19" s="222"/>
      <c r="G19" s="222"/>
      <c r="H19" s="222"/>
      <c r="I19" s="222"/>
      <c r="J19" s="441"/>
    </row>
    <row r="20" spans="1:10" ht="14.1" customHeight="1">
      <c r="A20" s="1813"/>
      <c r="B20" s="222" t="s">
        <v>659</v>
      </c>
      <c r="C20" s="82"/>
      <c r="D20" s="222"/>
      <c r="E20" s="222"/>
      <c r="F20" s="222"/>
      <c r="G20" s="222"/>
      <c r="H20" s="222"/>
      <c r="I20" s="222"/>
      <c r="J20" s="441"/>
    </row>
    <row r="21" spans="1:10" ht="14.1" customHeight="1">
      <c r="A21" s="1813"/>
      <c r="B21" s="222" t="s">
        <v>660</v>
      </c>
      <c r="C21" s="82"/>
      <c r="D21" s="222"/>
      <c r="E21" s="222"/>
      <c r="F21" s="222"/>
      <c r="G21" s="222"/>
      <c r="H21" s="222"/>
      <c r="I21" s="222"/>
      <c r="J21" s="441"/>
    </row>
    <row r="22" spans="1:10" ht="14.1" customHeight="1">
      <c r="A22" s="1813"/>
      <c r="B22" s="222" t="s">
        <v>661</v>
      </c>
      <c r="C22" s="82"/>
      <c r="D22" s="222"/>
      <c r="E22" s="222"/>
      <c r="F22" s="222"/>
      <c r="G22" s="222"/>
      <c r="H22" s="222"/>
      <c r="I22" s="222"/>
      <c r="J22" s="441"/>
    </row>
    <row r="23" spans="1:10" ht="14.1" customHeight="1">
      <c r="A23" s="1813"/>
      <c r="B23" s="222" t="s">
        <v>662</v>
      </c>
      <c r="C23" s="82"/>
      <c r="D23" s="222"/>
      <c r="E23" s="222"/>
      <c r="F23" s="222"/>
      <c r="G23" s="222"/>
      <c r="H23" s="222"/>
      <c r="I23" s="222"/>
      <c r="J23" s="441"/>
    </row>
    <row r="24" spans="1:10" ht="14.1" customHeight="1">
      <c r="A24" s="1813"/>
      <c r="B24" s="222" t="s">
        <v>663</v>
      </c>
      <c r="C24" s="82"/>
      <c r="D24" s="222"/>
      <c r="E24" s="222"/>
      <c r="F24" s="222"/>
      <c r="G24" s="222"/>
      <c r="H24" s="222"/>
      <c r="I24" s="222"/>
      <c r="J24" s="441"/>
    </row>
    <row r="25" spans="1:10" ht="14.1" customHeight="1">
      <c r="A25" s="1814"/>
      <c r="B25" s="222" t="s">
        <v>664</v>
      </c>
      <c r="C25" s="82"/>
      <c r="D25" s="222"/>
      <c r="E25" s="222"/>
      <c r="F25" s="222"/>
      <c r="G25" s="222"/>
      <c r="H25" s="222"/>
      <c r="I25" s="222"/>
      <c r="J25" s="441"/>
    </row>
    <row r="26" spans="1:10" ht="12">
      <c r="A26" s="898" t="s">
        <v>665</v>
      </c>
      <c r="B26" s="1209"/>
      <c r="C26" s="105"/>
      <c r="D26" s="104"/>
      <c r="E26" s="104"/>
      <c r="F26" s="104"/>
      <c r="G26" s="104"/>
      <c r="H26" s="104"/>
      <c r="I26" s="104"/>
      <c r="J26" s="442"/>
    </row>
    <row r="27" spans="1:10" ht="12">
      <c r="A27" s="996"/>
      <c r="B27" s="1184"/>
      <c r="C27" s="119"/>
      <c r="D27" s="213"/>
      <c r="E27" s="213"/>
      <c r="F27" s="213"/>
      <c r="G27" s="213"/>
      <c r="H27" s="213"/>
      <c r="I27" s="213"/>
      <c r="J27" s="443"/>
    </row>
    <row r="28" spans="1:10" ht="12">
      <c r="A28" s="1185"/>
      <c r="B28" s="1186"/>
      <c r="C28" s="99"/>
      <c r="D28" s="98"/>
      <c r="E28" s="98"/>
      <c r="F28" s="98"/>
      <c r="G28" s="213"/>
      <c r="H28" s="98"/>
      <c r="I28" s="98"/>
      <c r="J28" s="439"/>
    </row>
    <row r="29" spans="1:10" ht="12">
      <c r="A29" s="898" t="s">
        <v>330</v>
      </c>
      <c r="B29" s="1209"/>
      <c r="C29" s="105"/>
      <c r="D29" s="103"/>
      <c r="E29" s="103"/>
      <c r="F29" s="105"/>
      <c r="G29" s="103"/>
      <c r="H29" s="115"/>
      <c r="I29" s="103"/>
      <c r="J29" s="106"/>
    </row>
    <row r="30" spans="1:10" ht="12">
      <c r="A30" s="996"/>
      <c r="B30" s="1184"/>
      <c r="C30" s="119"/>
      <c r="D30" s="78"/>
      <c r="E30" s="78"/>
      <c r="F30" s="119"/>
      <c r="G30" s="78"/>
      <c r="H30" s="100"/>
      <c r="I30" s="78"/>
      <c r="J30" s="125"/>
    </row>
    <row r="31" spans="1:10" ht="12.6" thickBot="1">
      <c r="A31" s="1222"/>
      <c r="B31" s="1223"/>
      <c r="C31" s="111"/>
      <c r="D31" s="109"/>
      <c r="E31" s="109"/>
      <c r="F31" s="111"/>
      <c r="G31" s="109"/>
      <c r="H31" s="112"/>
      <c r="I31" s="109"/>
      <c r="J31" s="113"/>
    </row>
    <row r="32" spans="1:10" ht="16.5" customHeight="1">
      <c r="A32" s="77" t="s">
        <v>666</v>
      </c>
      <c r="B32" s="77"/>
      <c r="C32" s="77"/>
      <c r="D32" s="77"/>
      <c r="E32" s="77"/>
      <c r="F32" s="77"/>
      <c r="G32" s="77"/>
      <c r="H32" s="77"/>
      <c r="I32" s="77"/>
      <c r="J32" s="77"/>
    </row>
    <row r="33" spans="1:13" ht="12">
      <c r="A33" s="77" t="s">
        <v>667</v>
      </c>
      <c r="B33" s="77"/>
      <c r="C33" s="77"/>
      <c r="D33" s="77"/>
      <c r="E33" s="77"/>
      <c r="F33" s="77"/>
      <c r="G33" s="77"/>
      <c r="H33" s="77"/>
      <c r="I33" s="77"/>
      <c r="J33" s="77"/>
    </row>
    <row r="34" spans="1:13" ht="12.6" thickBot="1">
      <c r="A34" s="77" t="s">
        <v>668</v>
      </c>
      <c r="B34" s="77"/>
      <c r="C34" s="77"/>
      <c r="D34" s="77"/>
      <c r="E34" s="77"/>
      <c r="F34" s="77"/>
      <c r="G34" s="77"/>
      <c r="H34" s="77"/>
      <c r="I34" s="77"/>
      <c r="J34" s="77"/>
    </row>
    <row r="35" spans="1:13" ht="13.2">
      <c r="A35" s="1804"/>
      <c r="B35" s="1805"/>
      <c r="C35" s="921" t="s">
        <v>320</v>
      </c>
      <c r="D35" s="1403"/>
      <c r="E35" s="1403"/>
      <c r="F35" s="1678"/>
      <c r="G35" s="921" t="s">
        <v>321</v>
      </c>
      <c r="H35" s="1403"/>
      <c r="I35" s="1403"/>
      <c r="J35" s="1404"/>
    </row>
    <row r="36" spans="1:13" ht="21" customHeight="1">
      <c r="A36" s="886" t="s">
        <v>988</v>
      </c>
      <c r="B36" s="968"/>
      <c r="C36" s="82"/>
      <c r="D36" s="222"/>
      <c r="E36" s="222"/>
      <c r="F36" s="222"/>
      <c r="G36" s="222"/>
      <c r="H36" s="222"/>
      <c r="I36" s="222"/>
      <c r="J36" s="441"/>
    </row>
    <row r="37" spans="1:13" ht="21" customHeight="1">
      <c r="A37" s="886" t="s">
        <v>990</v>
      </c>
      <c r="B37" s="968"/>
      <c r="C37" s="82"/>
      <c r="D37" s="222"/>
      <c r="E37" s="222"/>
      <c r="F37" s="222"/>
      <c r="G37" s="222"/>
      <c r="H37" s="222"/>
      <c r="I37" s="222"/>
      <c r="J37" s="441"/>
    </row>
    <row r="38" spans="1:13" ht="21" customHeight="1">
      <c r="A38" s="886" t="s">
        <v>991</v>
      </c>
      <c r="B38" s="968"/>
      <c r="C38" s="82"/>
      <c r="D38" s="222"/>
      <c r="E38" s="222"/>
      <c r="F38" s="222"/>
      <c r="G38" s="222"/>
      <c r="H38" s="222"/>
      <c r="I38" s="222"/>
      <c r="J38" s="441"/>
    </row>
    <row r="39" spans="1:13" ht="21" customHeight="1">
      <c r="A39" s="886" t="s">
        <v>984</v>
      </c>
      <c r="B39" s="968"/>
      <c r="C39" s="767"/>
      <c r="D39" s="767"/>
      <c r="E39" s="767"/>
      <c r="F39" s="767"/>
      <c r="G39" s="767"/>
      <c r="H39" s="767"/>
      <c r="I39" s="767"/>
      <c r="J39" s="767"/>
    </row>
    <row r="40" spans="1:13" ht="21" customHeight="1" thickBot="1">
      <c r="A40" s="969" t="s">
        <v>992</v>
      </c>
      <c r="B40" s="970"/>
      <c r="C40" s="768"/>
      <c r="D40" s="768"/>
      <c r="E40" s="768"/>
      <c r="F40" s="768"/>
      <c r="G40" s="768"/>
      <c r="H40" s="768"/>
      <c r="I40" s="768"/>
      <c r="J40" s="768"/>
    </row>
    <row r="41" spans="1:13" ht="12">
      <c r="A41" s="77"/>
      <c r="B41" s="77"/>
      <c r="C41" s="77"/>
      <c r="D41" s="77"/>
      <c r="E41" s="77"/>
      <c r="F41" s="77"/>
      <c r="G41" s="77"/>
      <c r="H41" s="77"/>
      <c r="I41" s="77"/>
      <c r="J41" s="77"/>
    </row>
    <row r="42" spans="1:13" ht="12">
      <c r="A42" s="77" t="s">
        <v>669</v>
      </c>
      <c r="B42" s="77"/>
      <c r="C42" s="77"/>
      <c r="D42" s="77"/>
      <c r="E42" s="77"/>
      <c r="F42" s="77"/>
      <c r="G42" s="77"/>
      <c r="H42" s="77"/>
      <c r="I42" s="77"/>
      <c r="J42" s="77"/>
    </row>
    <row r="43" spans="1:13" ht="12.6" thickBot="1">
      <c r="A43" s="77" t="s">
        <v>670</v>
      </c>
      <c r="B43" s="77"/>
      <c r="C43" s="77"/>
      <c r="D43" s="77"/>
      <c r="E43" s="77"/>
      <c r="F43" s="77"/>
      <c r="G43" s="77"/>
      <c r="H43" s="77"/>
      <c r="I43" s="77"/>
      <c r="J43" s="77"/>
    </row>
    <row r="44" spans="1:13" ht="13.2" customHeight="1">
      <c r="A44" s="1803" t="s">
        <v>671</v>
      </c>
      <c r="B44" s="1417"/>
      <c r="C44" s="1417"/>
      <c r="D44" s="1417"/>
      <c r="E44" s="1809" t="s">
        <v>672</v>
      </c>
      <c r="F44" s="1809"/>
      <c r="G44" s="1809"/>
      <c r="H44" s="1809"/>
      <c r="I44" s="1809"/>
      <c r="J44" s="1810"/>
    </row>
    <row r="45" spans="1:13" ht="13.2" customHeight="1">
      <c r="A45" s="1802"/>
      <c r="B45" s="1799"/>
      <c r="C45" s="1799"/>
      <c r="D45" s="1799"/>
      <c r="E45" s="1799"/>
      <c r="F45" s="1799"/>
      <c r="G45" s="1799"/>
      <c r="H45" s="1799"/>
      <c r="I45" s="1799"/>
      <c r="J45" s="1800"/>
      <c r="M45" s="368"/>
    </row>
    <row r="46" spans="1:13" ht="13.2" customHeight="1">
      <c r="A46" s="1802"/>
      <c r="B46" s="1799"/>
      <c r="C46" s="1799"/>
      <c r="D46" s="1799"/>
      <c r="E46" s="1799"/>
      <c r="F46" s="1799"/>
      <c r="G46" s="1799"/>
      <c r="H46" s="1799"/>
      <c r="I46" s="1799"/>
      <c r="J46" s="1800"/>
    </row>
    <row r="47" spans="1:13" ht="13.2" customHeight="1">
      <c r="A47" s="1802"/>
      <c r="B47" s="1799"/>
      <c r="C47" s="1799"/>
      <c r="D47" s="1799"/>
      <c r="E47" s="1799"/>
      <c r="F47" s="1799"/>
      <c r="G47" s="1799"/>
      <c r="H47" s="1799"/>
      <c r="I47" s="1799"/>
      <c r="J47" s="1800"/>
    </row>
    <row r="48" spans="1:13" ht="13.2" customHeight="1" thickBot="1">
      <c r="A48" s="1797"/>
      <c r="B48" s="1798"/>
      <c r="C48" s="1798"/>
      <c r="D48" s="1798"/>
      <c r="E48" s="1798"/>
      <c r="F48" s="1798"/>
      <c r="G48" s="1798"/>
      <c r="H48" s="1798"/>
      <c r="I48" s="1798"/>
      <c r="J48" s="1801"/>
    </row>
  </sheetData>
  <mergeCells count="37">
    <mergeCell ref="E44:J44"/>
    <mergeCell ref="H7:H8"/>
    <mergeCell ref="I7:J7"/>
    <mergeCell ref="A26:B28"/>
    <mergeCell ref="A29:B31"/>
    <mergeCell ref="A35:B35"/>
    <mergeCell ref="C35:F35"/>
    <mergeCell ref="G35:J35"/>
    <mergeCell ref="A10:B10"/>
    <mergeCell ref="A11:B11"/>
    <mergeCell ref="A9:B9"/>
    <mergeCell ref="A12:A25"/>
    <mergeCell ref="A36:B36"/>
    <mergeCell ref="A37:B37"/>
    <mergeCell ref="A38:B38"/>
    <mergeCell ref="A39:B39"/>
    <mergeCell ref="A5:B5"/>
    <mergeCell ref="C5:E5"/>
    <mergeCell ref="F5:H5"/>
    <mergeCell ref="I5:J5"/>
    <mergeCell ref="A7:B8"/>
    <mergeCell ref="C7:C8"/>
    <mergeCell ref="D7:D8"/>
    <mergeCell ref="E7:E8"/>
    <mergeCell ref="F7:F8"/>
    <mergeCell ref="G7:G8"/>
    <mergeCell ref="A6:B6"/>
    <mergeCell ref="A40:B40"/>
    <mergeCell ref="A45:D45"/>
    <mergeCell ref="A46:D46"/>
    <mergeCell ref="A47:D47"/>
    <mergeCell ref="A44:D44"/>
    <mergeCell ref="A48:D48"/>
    <mergeCell ref="E45:J45"/>
    <mergeCell ref="E46:J46"/>
    <mergeCell ref="E47:J47"/>
    <mergeCell ref="E48:J48"/>
  </mergeCells>
  <phoneticPr fontId="3"/>
  <dataValidations count="2">
    <dataValidation type="list" imeMode="on" allowBlank="1" showInputMessage="1" promptTitle="記録の有無" prompt="リストから選択してください。" sqref="C10:J10 C39:J39" xr:uid="{05BB5E4F-E221-489A-AEC6-2012A68D1D32}">
      <formula1>"有,無,"</formula1>
    </dataValidation>
    <dataValidation type="list" imeMode="on" allowBlank="1" showInputMessage="1" promptTitle="医師認印の有無" prompt="リストから選択してください。" sqref="C11:J11 C40:J40" xr:uid="{A4D24B72-3377-4D2B-8FD1-195D3B469264}"/>
  </dataValidations>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dimension ref="A1:P69"/>
  <sheetViews>
    <sheetView view="pageBreakPreview" zoomScaleNormal="100" zoomScaleSheetLayoutView="100" workbookViewId="0"/>
  </sheetViews>
  <sheetFormatPr defaultColWidth="7.44140625" defaultRowHeight="12"/>
  <cols>
    <col min="1" max="1" width="7.77734375" style="586" customWidth="1"/>
    <col min="2" max="2" width="14" style="586" customWidth="1"/>
    <col min="3" max="3" width="21.44140625" style="586" customWidth="1"/>
    <col min="4" max="4" width="3" style="586" customWidth="1"/>
    <col min="5" max="5" width="10" style="586" customWidth="1"/>
    <col min="6" max="6" width="7.44140625" style="586" customWidth="1"/>
    <col min="7" max="7" width="2.6640625" style="586" customWidth="1"/>
    <col min="8" max="8" width="4.77734375" style="586" customWidth="1"/>
    <col min="9" max="9" width="5.33203125" style="586" customWidth="1"/>
    <col min="10" max="10" width="14.33203125" style="586" customWidth="1"/>
    <col min="11" max="11" width="3.77734375" style="586" customWidth="1"/>
    <col min="12" max="12" width="14" style="586" customWidth="1"/>
    <col min="13" max="13" width="7.44140625" style="586"/>
    <col min="14" max="14" width="10.44140625" style="586" customWidth="1"/>
    <col min="15" max="15" width="29.77734375" style="586" customWidth="1"/>
    <col min="16" max="16" width="5.21875" style="586" customWidth="1"/>
    <col min="17" max="262" width="7.44140625" style="586"/>
    <col min="263" max="263" width="7.77734375" style="586" customWidth="1"/>
    <col min="264" max="264" width="14" style="586" customWidth="1"/>
    <col min="265" max="265" width="15.77734375" style="586" customWidth="1"/>
    <col min="266" max="266" width="46" style="586" customWidth="1"/>
    <col min="267" max="267" width="3.77734375" style="586" customWidth="1"/>
    <col min="268" max="268" width="14" style="586" customWidth="1"/>
    <col min="269" max="269" width="7.44140625" style="586"/>
    <col min="270" max="270" width="10.44140625" style="586" customWidth="1"/>
    <col min="271" max="271" width="29.77734375" style="586" customWidth="1"/>
    <col min="272" max="272" width="5.21875" style="586" customWidth="1"/>
    <col min="273" max="518" width="7.44140625" style="586"/>
    <col min="519" max="519" width="7.77734375" style="586" customWidth="1"/>
    <col min="520" max="520" width="14" style="586" customWidth="1"/>
    <col min="521" max="521" width="15.77734375" style="586" customWidth="1"/>
    <col min="522" max="522" width="46" style="586" customWidth="1"/>
    <col min="523" max="523" width="3.77734375" style="586" customWidth="1"/>
    <col min="524" max="524" width="14" style="586" customWidth="1"/>
    <col min="525" max="525" width="7.44140625" style="586"/>
    <col min="526" max="526" width="10.44140625" style="586" customWidth="1"/>
    <col min="527" max="527" width="29.77734375" style="586" customWidth="1"/>
    <col min="528" max="528" width="5.21875" style="586" customWidth="1"/>
    <col min="529" max="774" width="7.44140625" style="586"/>
    <col min="775" max="775" width="7.77734375" style="586" customWidth="1"/>
    <col min="776" max="776" width="14" style="586" customWidth="1"/>
    <col min="777" max="777" width="15.77734375" style="586" customWidth="1"/>
    <col min="778" max="778" width="46" style="586" customWidth="1"/>
    <col min="779" max="779" width="3.77734375" style="586" customWidth="1"/>
    <col min="780" max="780" width="14" style="586" customWidth="1"/>
    <col min="781" max="781" width="7.44140625" style="586"/>
    <col min="782" max="782" width="10.44140625" style="586" customWidth="1"/>
    <col min="783" max="783" width="29.77734375" style="586" customWidth="1"/>
    <col min="784" max="784" width="5.21875" style="586" customWidth="1"/>
    <col min="785" max="1030" width="7.44140625" style="586"/>
    <col min="1031" max="1031" width="7.77734375" style="586" customWidth="1"/>
    <col min="1032" max="1032" width="14" style="586" customWidth="1"/>
    <col min="1033" max="1033" width="15.77734375" style="586" customWidth="1"/>
    <col min="1034" max="1034" width="46" style="586" customWidth="1"/>
    <col min="1035" max="1035" width="3.77734375" style="586" customWidth="1"/>
    <col min="1036" max="1036" width="14" style="586" customWidth="1"/>
    <col min="1037" max="1037" width="7.44140625" style="586"/>
    <col min="1038" max="1038" width="10.44140625" style="586" customWidth="1"/>
    <col min="1039" max="1039" width="29.77734375" style="586" customWidth="1"/>
    <col min="1040" max="1040" width="5.21875" style="586" customWidth="1"/>
    <col min="1041" max="1286" width="7.44140625" style="586"/>
    <col min="1287" max="1287" width="7.77734375" style="586" customWidth="1"/>
    <col min="1288" max="1288" width="14" style="586" customWidth="1"/>
    <col min="1289" max="1289" width="15.77734375" style="586" customWidth="1"/>
    <col min="1290" max="1290" width="46" style="586" customWidth="1"/>
    <col min="1291" max="1291" width="3.77734375" style="586" customWidth="1"/>
    <col min="1292" max="1292" width="14" style="586" customWidth="1"/>
    <col min="1293" max="1293" width="7.44140625" style="586"/>
    <col min="1294" max="1294" width="10.44140625" style="586" customWidth="1"/>
    <col min="1295" max="1295" width="29.77734375" style="586" customWidth="1"/>
    <col min="1296" max="1296" width="5.21875" style="586" customWidth="1"/>
    <col min="1297" max="1542" width="7.44140625" style="586"/>
    <col min="1543" max="1543" width="7.77734375" style="586" customWidth="1"/>
    <col min="1544" max="1544" width="14" style="586" customWidth="1"/>
    <col min="1545" max="1545" width="15.77734375" style="586" customWidth="1"/>
    <col min="1546" max="1546" width="46" style="586" customWidth="1"/>
    <col min="1547" max="1547" width="3.77734375" style="586" customWidth="1"/>
    <col min="1548" max="1548" width="14" style="586" customWidth="1"/>
    <col min="1549" max="1549" width="7.44140625" style="586"/>
    <col min="1550" max="1550" width="10.44140625" style="586" customWidth="1"/>
    <col min="1551" max="1551" width="29.77734375" style="586" customWidth="1"/>
    <col min="1552" max="1552" width="5.21875" style="586" customWidth="1"/>
    <col min="1553" max="1798" width="7.44140625" style="586"/>
    <col min="1799" max="1799" width="7.77734375" style="586" customWidth="1"/>
    <col min="1800" max="1800" width="14" style="586" customWidth="1"/>
    <col min="1801" max="1801" width="15.77734375" style="586" customWidth="1"/>
    <col min="1802" max="1802" width="46" style="586" customWidth="1"/>
    <col min="1803" max="1803" width="3.77734375" style="586" customWidth="1"/>
    <col min="1804" max="1804" width="14" style="586" customWidth="1"/>
    <col min="1805" max="1805" width="7.44140625" style="586"/>
    <col min="1806" max="1806" width="10.44140625" style="586" customWidth="1"/>
    <col min="1807" max="1807" width="29.77734375" style="586" customWidth="1"/>
    <col min="1808" max="1808" width="5.21875" style="586" customWidth="1"/>
    <col min="1809" max="2054" width="7.44140625" style="586"/>
    <col min="2055" max="2055" width="7.77734375" style="586" customWidth="1"/>
    <col min="2056" max="2056" width="14" style="586" customWidth="1"/>
    <col min="2057" max="2057" width="15.77734375" style="586" customWidth="1"/>
    <col min="2058" max="2058" width="46" style="586" customWidth="1"/>
    <col min="2059" max="2059" width="3.77734375" style="586" customWidth="1"/>
    <col min="2060" max="2060" width="14" style="586" customWidth="1"/>
    <col min="2061" max="2061" width="7.44140625" style="586"/>
    <col min="2062" max="2062" width="10.44140625" style="586" customWidth="1"/>
    <col min="2063" max="2063" width="29.77734375" style="586" customWidth="1"/>
    <col min="2064" max="2064" width="5.21875" style="586" customWidth="1"/>
    <col min="2065" max="2310" width="7.44140625" style="586"/>
    <col min="2311" max="2311" width="7.77734375" style="586" customWidth="1"/>
    <col min="2312" max="2312" width="14" style="586" customWidth="1"/>
    <col min="2313" max="2313" width="15.77734375" style="586" customWidth="1"/>
    <col min="2314" max="2314" width="46" style="586" customWidth="1"/>
    <col min="2315" max="2315" width="3.77734375" style="586" customWidth="1"/>
    <col min="2316" max="2316" width="14" style="586" customWidth="1"/>
    <col min="2317" max="2317" width="7.44140625" style="586"/>
    <col min="2318" max="2318" width="10.44140625" style="586" customWidth="1"/>
    <col min="2319" max="2319" width="29.77734375" style="586" customWidth="1"/>
    <col min="2320" max="2320" width="5.21875" style="586" customWidth="1"/>
    <col min="2321" max="2566" width="7.44140625" style="586"/>
    <col min="2567" max="2567" width="7.77734375" style="586" customWidth="1"/>
    <col min="2568" max="2568" width="14" style="586" customWidth="1"/>
    <col min="2569" max="2569" width="15.77734375" style="586" customWidth="1"/>
    <col min="2570" max="2570" width="46" style="586" customWidth="1"/>
    <col min="2571" max="2571" width="3.77734375" style="586" customWidth="1"/>
    <col min="2572" max="2572" width="14" style="586" customWidth="1"/>
    <col min="2573" max="2573" width="7.44140625" style="586"/>
    <col min="2574" max="2574" width="10.44140625" style="586" customWidth="1"/>
    <col min="2575" max="2575" width="29.77734375" style="586" customWidth="1"/>
    <col min="2576" max="2576" width="5.21875" style="586" customWidth="1"/>
    <col min="2577" max="2822" width="7.44140625" style="586"/>
    <col min="2823" max="2823" width="7.77734375" style="586" customWidth="1"/>
    <col min="2824" max="2824" width="14" style="586" customWidth="1"/>
    <col min="2825" max="2825" width="15.77734375" style="586" customWidth="1"/>
    <col min="2826" max="2826" width="46" style="586" customWidth="1"/>
    <col min="2827" max="2827" width="3.77734375" style="586" customWidth="1"/>
    <col min="2828" max="2828" width="14" style="586" customWidth="1"/>
    <col min="2829" max="2829" width="7.44140625" style="586"/>
    <col min="2830" max="2830" width="10.44140625" style="586" customWidth="1"/>
    <col min="2831" max="2831" width="29.77734375" style="586" customWidth="1"/>
    <col min="2832" max="2832" width="5.21875" style="586" customWidth="1"/>
    <col min="2833" max="3078" width="7.44140625" style="586"/>
    <col min="3079" max="3079" width="7.77734375" style="586" customWidth="1"/>
    <col min="3080" max="3080" width="14" style="586" customWidth="1"/>
    <col min="3081" max="3081" width="15.77734375" style="586" customWidth="1"/>
    <col min="3082" max="3082" width="46" style="586" customWidth="1"/>
    <col min="3083" max="3083" width="3.77734375" style="586" customWidth="1"/>
    <col min="3084" max="3084" width="14" style="586" customWidth="1"/>
    <col min="3085" max="3085" width="7.44140625" style="586"/>
    <col min="3086" max="3086" width="10.44140625" style="586" customWidth="1"/>
    <col min="3087" max="3087" width="29.77734375" style="586" customWidth="1"/>
    <col min="3088" max="3088" width="5.21875" style="586" customWidth="1"/>
    <col min="3089" max="3334" width="7.44140625" style="586"/>
    <col min="3335" max="3335" width="7.77734375" style="586" customWidth="1"/>
    <col min="3336" max="3336" width="14" style="586" customWidth="1"/>
    <col min="3337" max="3337" width="15.77734375" style="586" customWidth="1"/>
    <col min="3338" max="3338" width="46" style="586" customWidth="1"/>
    <col min="3339" max="3339" width="3.77734375" style="586" customWidth="1"/>
    <col min="3340" max="3340" width="14" style="586" customWidth="1"/>
    <col min="3341" max="3341" width="7.44140625" style="586"/>
    <col min="3342" max="3342" width="10.44140625" style="586" customWidth="1"/>
    <col min="3343" max="3343" width="29.77734375" style="586" customWidth="1"/>
    <col min="3344" max="3344" width="5.21875" style="586" customWidth="1"/>
    <col min="3345" max="3590" width="7.44140625" style="586"/>
    <col min="3591" max="3591" width="7.77734375" style="586" customWidth="1"/>
    <col min="3592" max="3592" width="14" style="586" customWidth="1"/>
    <col min="3593" max="3593" width="15.77734375" style="586" customWidth="1"/>
    <col min="3594" max="3594" width="46" style="586" customWidth="1"/>
    <col min="3595" max="3595" width="3.77734375" style="586" customWidth="1"/>
    <col min="3596" max="3596" width="14" style="586" customWidth="1"/>
    <col min="3597" max="3597" width="7.44140625" style="586"/>
    <col min="3598" max="3598" width="10.44140625" style="586" customWidth="1"/>
    <col min="3599" max="3599" width="29.77734375" style="586" customWidth="1"/>
    <col min="3600" max="3600" width="5.21875" style="586" customWidth="1"/>
    <col min="3601" max="3846" width="7.44140625" style="586"/>
    <col min="3847" max="3847" width="7.77734375" style="586" customWidth="1"/>
    <col min="3848" max="3848" width="14" style="586" customWidth="1"/>
    <col min="3849" max="3849" width="15.77734375" style="586" customWidth="1"/>
    <col min="3850" max="3850" width="46" style="586" customWidth="1"/>
    <col min="3851" max="3851" width="3.77734375" style="586" customWidth="1"/>
    <col min="3852" max="3852" width="14" style="586" customWidth="1"/>
    <col min="3853" max="3853" width="7.44140625" style="586"/>
    <col min="3854" max="3854" width="10.44140625" style="586" customWidth="1"/>
    <col min="3855" max="3855" width="29.77734375" style="586" customWidth="1"/>
    <col min="3856" max="3856" width="5.21875" style="586" customWidth="1"/>
    <col min="3857" max="4102" width="7.44140625" style="586"/>
    <col min="4103" max="4103" width="7.77734375" style="586" customWidth="1"/>
    <col min="4104" max="4104" width="14" style="586" customWidth="1"/>
    <col min="4105" max="4105" width="15.77734375" style="586" customWidth="1"/>
    <col min="4106" max="4106" width="46" style="586" customWidth="1"/>
    <col min="4107" max="4107" width="3.77734375" style="586" customWidth="1"/>
    <col min="4108" max="4108" width="14" style="586" customWidth="1"/>
    <col min="4109" max="4109" width="7.44140625" style="586"/>
    <col min="4110" max="4110" width="10.44140625" style="586" customWidth="1"/>
    <col min="4111" max="4111" width="29.77734375" style="586" customWidth="1"/>
    <col min="4112" max="4112" width="5.21875" style="586" customWidth="1"/>
    <col min="4113" max="4358" width="7.44140625" style="586"/>
    <col min="4359" max="4359" width="7.77734375" style="586" customWidth="1"/>
    <col min="4360" max="4360" width="14" style="586" customWidth="1"/>
    <col min="4361" max="4361" width="15.77734375" style="586" customWidth="1"/>
    <col min="4362" max="4362" width="46" style="586" customWidth="1"/>
    <col min="4363" max="4363" width="3.77734375" style="586" customWidth="1"/>
    <col min="4364" max="4364" width="14" style="586" customWidth="1"/>
    <col min="4365" max="4365" width="7.44140625" style="586"/>
    <col min="4366" max="4366" width="10.44140625" style="586" customWidth="1"/>
    <col min="4367" max="4367" width="29.77734375" style="586" customWidth="1"/>
    <col min="4368" max="4368" width="5.21875" style="586" customWidth="1"/>
    <col min="4369" max="4614" width="7.44140625" style="586"/>
    <col min="4615" max="4615" width="7.77734375" style="586" customWidth="1"/>
    <col min="4616" max="4616" width="14" style="586" customWidth="1"/>
    <col min="4617" max="4617" width="15.77734375" style="586" customWidth="1"/>
    <col min="4618" max="4618" width="46" style="586" customWidth="1"/>
    <col min="4619" max="4619" width="3.77734375" style="586" customWidth="1"/>
    <col min="4620" max="4620" width="14" style="586" customWidth="1"/>
    <col min="4621" max="4621" width="7.44140625" style="586"/>
    <col min="4622" max="4622" width="10.44140625" style="586" customWidth="1"/>
    <col min="4623" max="4623" width="29.77734375" style="586" customWidth="1"/>
    <col min="4624" max="4624" width="5.21875" style="586" customWidth="1"/>
    <col min="4625" max="4870" width="7.44140625" style="586"/>
    <col min="4871" max="4871" width="7.77734375" style="586" customWidth="1"/>
    <col min="4872" max="4872" width="14" style="586" customWidth="1"/>
    <col min="4873" max="4873" width="15.77734375" style="586" customWidth="1"/>
    <col min="4874" max="4874" width="46" style="586" customWidth="1"/>
    <col min="4875" max="4875" width="3.77734375" style="586" customWidth="1"/>
    <col min="4876" max="4876" width="14" style="586" customWidth="1"/>
    <col min="4877" max="4877" width="7.44140625" style="586"/>
    <col min="4878" max="4878" width="10.44140625" style="586" customWidth="1"/>
    <col min="4879" max="4879" width="29.77734375" style="586" customWidth="1"/>
    <col min="4880" max="4880" width="5.21875" style="586" customWidth="1"/>
    <col min="4881" max="5126" width="7.44140625" style="586"/>
    <col min="5127" max="5127" width="7.77734375" style="586" customWidth="1"/>
    <col min="5128" max="5128" width="14" style="586" customWidth="1"/>
    <col min="5129" max="5129" width="15.77734375" style="586" customWidth="1"/>
    <col min="5130" max="5130" width="46" style="586" customWidth="1"/>
    <col min="5131" max="5131" width="3.77734375" style="586" customWidth="1"/>
    <col min="5132" max="5132" width="14" style="586" customWidth="1"/>
    <col min="5133" max="5133" width="7.44140625" style="586"/>
    <col min="5134" max="5134" width="10.44140625" style="586" customWidth="1"/>
    <col min="5135" max="5135" width="29.77734375" style="586" customWidth="1"/>
    <col min="5136" max="5136" width="5.21875" style="586" customWidth="1"/>
    <col min="5137" max="5382" width="7.44140625" style="586"/>
    <col min="5383" max="5383" width="7.77734375" style="586" customWidth="1"/>
    <col min="5384" max="5384" width="14" style="586" customWidth="1"/>
    <col min="5385" max="5385" width="15.77734375" style="586" customWidth="1"/>
    <col min="5386" max="5386" width="46" style="586" customWidth="1"/>
    <col min="5387" max="5387" width="3.77734375" style="586" customWidth="1"/>
    <col min="5388" max="5388" width="14" style="586" customWidth="1"/>
    <col min="5389" max="5389" width="7.44140625" style="586"/>
    <col min="5390" max="5390" width="10.44140625" style="586" customWidth="1"/>
    <col min="5391" max="5391" width="29.77734375" style="586" customWidth="1"/>
    <col min="5392" max="5392" width="5.21875" style="586" customWidth="1"/>
    <col min="5393" max="5638" width="7.44140625" style="586"/>
    <col min="5639" max="5639" width="7.77734375" style="586" customWidth="1"/>
    <col min="5640" max="5640" width="14" style="586" customWidth="1"/>
    <col min="5641" max="5641" width="15.77734375" style="586" customWidth="1"/>
    <col min="5642" max="5642" width="46" style="586" customWidth="1"/>
    <col min="5643" max="5643" width="3.77734375" style="586" customWidth="1"/>
    <col min="5644" max="5644" width="14" style="586" customWidth="1"/>
    <col min="5645" max="5645" width="7.44140625" style="586"/>
    <col min="5646" max="5646" width="10.44140625" style="586" customWidth="1"/>
    <col min="5647" max="5647" width="29.77734375" style="586" customWidth="1"/>
    <col min="5648" max="5648" width="5.21875" style="586" customWidth="1"/>
    <col min="5649" max="5894" width="7.44140625" style="586"/>
    <col min="5895" max="5895" width="7.77734375" style="586" customWidth="1"/>
    <col min="5896" max="5896" width="14" style="586" customWidth="1"/>
    <col min="5897" max="5897" width="15.77734375" style="586" customWidth="1"/>
    <col min="5898" max="5898" width="46" style="586" customWidth="1"/>
    <col min="5899" max="5899" width="3.77734375" style="586" customWidth="1"/>
    <col min="5900" max="5900" width="14" style="586" customWidth="1"/>
    <col min="5901" max="5901" width="7.44140625" style="586"/>
    <col min="5902" max="5902" width="10.44140625" style="586" customWidth="1"/>
    <col min="5903" max="5903" width="29.77734375" style="586" customWidth="1"/>
    <col min="5904" max="5904" width="5.21875" style="586" customWidth="1"/>
    <col min="5905" max="6150" width="7.44140625" style="586"/>
    <col min="6151" max="6151" width="7.77734375" style="586" customWidth="1"/>
    <col min="6152" max="6152" width="14" style="586" customWidth="1"/>
    <col min="6153" max="6153" width="15.77734375" style="586" customWidth="1"/>
    <col min="6154" max="6154" width="46" style="586" customWidth="1"/>
    <col min="6155" max="6155" width="3.77734375" style="586" customWidth="1"/>
    <col min="6156" max="6156" width="14" style="586" customWidth="1"/>
    <col min="6157" max="6157" width="7.44140625" style="586"/>
    <col min="6158" max="6158" width="10.44140625" style="586" customWidth="1"/>
    <col min="6159" max="6159" width="29.77734375" style="586" customWidth="1"/>
    <col min="6160" max="6160" width="5.21875" style="586" customWidth="1"/>
    <col min="6161" max="6406" width="7.44140625" style="586"/>
    <col min="6407" max="6407" width="7.77734375" style="586" customWidth="1"/>
    <col min="6408" max="6408" width="14" style="586" customWidth="1"/>
    <col min="6409" max="6409" width="15.77734375" style="586" customWidth="1"/>
    <col min="6410" max="6410" width="46" style="586" customWidth="1"/>
    <col min="6411" max="6411" width="3.77734375" style="586" customWidth="1"/>
    <col min="6412" max="6412" width="14" style="586" customWidth="1"/>
    <col min="6413" max="6413" width="7.44140625" style="586"/>
    <col min="6414" max="6414" width="10.44140625" style="586" customWidth="1"/>
    <col min="6415" max="6415" width="29.77734375" style="586" customWidth="1"/>
    <col min="6416" max="6416" width="5.21875" style="586" customWidth="1"/>
    <col min="6417" max="6662" width="7.44140625" style="586"/>
    <col min="6663" max="6663" width="7.77734375" style="586" customWidth="1"/>
    <col min="6664" max="6664" width="14" style="586" customWidth="1"/>
    <col min="6665" max="6665" width="15.77734375" style="586" customWidth="1"/>
    <col min="6666" max="6666" width="46" style="586" customWidth="1"/>
    <col min="6667" max="6667" width="3.77734375" style="586" customWidth="1"/>
    <col min="6668" max="6668" width="14" style="586" customWidth="1"/>
    <col min="6669" max="6669" width="7.44140625" style="586"/>
    <col min="6670" max="6670" width="10.44140625" style="586" customWidth="1"/>
    <col min="6671" max="6671" width="29.77734375" style="586" customWidth="1"/>
    <col min="6672" max="6672" width="5.21875" style="586" customWidth="1"/>
    <col min="6673" max="6918" width="7.44140625" style="586"/>
    <col min="6919" max="6919" width="7.77734375" style="586" customWidth="1"/>
    <col min="6920" max="6920" width="14" style="586" customWidth="1"/>
    <col min="6921" max="6921" width="15.77734375" style="586" customWidth="1"/>
    <col min="6922" max="6922" width="46" style="586" customWidth="1"/>
    <col min="6923" max="6923" width="3.77734375" style="586" customWidth="1"/>
    <col min="6924" max="6924" width="14" style="586" customWidth="1"/>
    <col min="6925" max="6925" width="7.44140625" style="586"/>
    <col min="6926" max="6926" width="10.44140625" style="586" customWidth="1"/>
    <col min="6927" max="6927" width="29.77734375" style="586" customWidth="1"/>
    <col min="6928" max="6928" width="5.21875" style="586" customWidth="1"/>
    <col min="6929" max="7174" width="7.44140625" style="586"/>
    <col min="7175" max="7175" width="7.77734375" style="586" customWidth="1"/>
    <col min="7176" max="7176" width="14" style="586" customWidth="1"/>
    <col min="7177" max="7177" width="15.77734375" style="586" customWidth="1"/>
    <col min="7178" max="7178" width="46" style="586" customWidth="1"/>
    <col min="7179" max="7179" width="3.77734375" style="586" customWidth="1"/>
    <col min="7180" max="7180" width="14" style="586" customWidth="1"/>
    <col min="7181" max="7181" width="7.44140625" style="586"/>
    <col min="7182" max="7182" width="10.44140625" style="586" customWidth="1"/>
    <col min="7183" max="7183" width="29.77734375" style="586" customWidth="1"/>
    <col min="7184" max="7184" width="5.21875" style="586" customWidth="1"/>
    <col min="7185" max="7430" width="7.44140625" style="586"/>
    <col min="7431" max="7431" width="7.77734375" style="586" customWidth="1"/>
    <col min="7432" max="7432" width="14" style="586" customWidth="1"/>
    <col min="7433" max="7433" width="15.77734375" style="586" customWidth="1"/>
    <col min="7434" max="7434" width="46" style="586" customWidth="1"/>
    <col min="7435" max="7435" width="3.77734375" style="586" customWidth="1"/>
    <col min="7436" max="7436" width="14" style="586" customWidth="1"/>
    <col min="7437" max="7437" width="7.44140625" style="586"/>
    <col min="7438" max="7438" width="10.44140625" style="586" customWidth="1"/>
    <col min="7439" max="7439" width="29.77734375" style="586" customWidth="1"/>
    <col min="7440" max="7440" width="5.21875" style="586" customWidth="1"/>
    <col min="7441" max="7686" width="7.44140625" style="586"/>
    <col min="7687" max="7687" width="7.77734375" style="586" customWidth="1"/>
    <col min="7688" max="7688" width="14" style="586" customWidth="1"/>
    <col min="7689" max="7689" width="15.77734375" style="586" customWidth="1"/>
    <col min="7690" max="7690" width="46" style="586" customWidth="1"/>
    <col min="7691" max="7691" width="3.77734375" style="586" customWidth="1"/>
    <col min="7692" max="7692" width="14" style="586" customWidth="1"/>
    <col min="7693" max="7693" width="7.44140625" style="586"/>
    <col min="7694" max="7694" width="10.44140625" style="586" customWidth="1"/>
    <col min="7695" max="7695" width="29.77734375" style="586" customWidth="1"/>
    <col min="7696" max="7696" width="5.21875" style="586" customWidth="1"/>
    <col min="7697" max="7942" width="7.44140625" style="586"/>
    <col min="7943" max="7943" width="7.77734375" style="586" customWidth="1"/>
    <col min="7944" max="7944" width="14" style="586" customWidth="1"/>
    <col min="7945" max="7945" width="15.77734375" style="586" customWidth="1"/>
    <col min="7946" max="7946" width="46" style="586" customWidth="1"/>
    <col min="7947" max="7947" width="3.77734375" style="586" customWidth="1"/>
    <col min="7948" max="7948" width="14" style="586" customWidth="1"/>
    <col min="7949" max="7949" width="7.44140625" style="586"/>
    <col min="7950" max="7950" width="10.44140625" style="586" customWidth="1"/>
    <col min="7951" max="7951" width="29.77734375" style="586" customWidth="1"/>
    <col min="7952" max="7952" width="5.21875" style="586" customWidth="1"/>
    <col min="7953" max="8198" width="7.44140625" style="586"/>
    <col min="8199" max="8199" width="7.77734375" style="586" customWidth="1"/>
    <col min="8200" max="8200" width="14" style="586" customWidth="1"/>
    <col min="8201" max="8201" width="15.77734375" style="586" customWidth="1"/>
    <col min="8202" max="8202" width="46" style="586" customWidth="1"/>
    <col min="8203" max="8203" width="3.77734375" style="586" customWidth="1"/>
    <col min="8204" max="8204" width="14" style="586" customWidth="1"/>
    <col min="8205" max="8205" width="7.44140625" style="586"/>
    <col min="8206" max="8206" width="10.44140625" style="586" customWidth="1"/>
    <col min="8207" max="8207" width="29.77734375" style="586" customWidth="1"/>
    <col min="8208" max="8208" width="5.21875" style="586" customWidth="1"/>
    <col min="8209" max="8454" width="7.44140625" style="586"/>
    <col min="8455" max="8455" width="7.77734375" style="586" customWidth="1"/>
    <col min="8456" max="8456" width="14" style="586" customWidth="1"/>
    <col min="8457" max="8457" width="15.77734375" style="586" customWidth="1"/>
    <col min="8458" max="8458" width="46" style="586" customWidth="1"/>
    <col min="8459" max="8459" width="3.77734375" style="586" customWidth="1"/>
    <col min="8460" max="8460" width="14" style="586" customWidth="1"/>
    <col min="8461" max="8461" width="7.44140625" style="586"/>
    <col min="8462" max="8462" width="10.44140625" style="586" customWidth="1"/>
    <col min="8463" max="8463" width="29.77734375" style="586" customWidth="1"/>
    <col min="8464" max="8464" width="5.21875" style="586" customWidth="1"/>
    <col min="8465" max="8710" width="7.44140625" style="586"/>
    <col min="8711" max="8711" width="7.77734375" style="586" customWidth="1"/>
    <col min="8712" max="8712" width="14" style="586" customWidth="1"/>
    <col min="8713" max="8713" width="15.77734375" style="586" customWidth="1"/>
    <col min="8714" max="8714" width="46" style="586" customWidth="1"/>
    <col min="8715" max="8715" width="3.77734375" style="586" customWidth="1"/>
    <col min="8716" max="8716" width="14" style="586" customWidth="1"/>
    <col min="8717" max="8717" width="7.44140625" style="586"/>
    <col min="8718" max="8718" width="10.44140625" style="586" customWidth="1"/>
    <col min="8719" max="8719" width="29.77734375" style="586" customWidth="1"/>
    <col min="8720" max="8720" width="5.21875" style="586" customWidth="1"/>
    <col min="8721" max="8966" width="7.44140625" style="586"/>
    <col min="8967" max="8967" width="7.77734375" style="586" customWidth="1"/>
    <col min="8968" max="8968" width="14" style="586" customWidth="1"/>
    <col min="8969" max="8969" width="15.77734375" style="586" customWidth="1"/>
    <col min="8970" max="8970" width="46" style="586" customWidth="1"/>
    <col min="8971" max="8971" width="3.77734375" style="586" customWidth="1"/>
    <col min="8972" max="8972" width="14" style="586" customWidth="1"/>
    <col min="8973" max="8973" width="7.44140625" style="586"/>
    <col min="8974" max="8974" width="10.44140625" style="586" customWidth="1"/>
    <col min="8975" max="8975" width="29.77734375" style="586" customWidth="1"/>
    <col min="8976" max="8976" width="5.21875" style="586" customWidth="1"/>
    <col min="8977" max="9222" width="7.44140625" style="586"/>
    <col min="9223" max="9223" width="7.77734375" style="586" customWidth="1"/>
    <col min="9224" max="9224" width="14" style="586" customWidth="1"/>
    <col min="9225" max="9225" width="15.77734375" style="586" customWidth="1"/>
    <col min="9226" max="9226" width="46" style="586" customWidth="1"/>
    <col min="9227" max="9227" width="3.77734375" style="586" customWidth="1"/>
    <col min="9228" max="9228" width="14" style="586" customWidth="1"/>
    <col min="9229" max="9229" width="7.44140625" style="586"/>
    <col min="9230" max="9230" width="10.44140625" style="586" customWidth="1"/>
    <col min="9231" max="9231" width="29.77734375" style="586" customWidth="1"/>
    <col min="9232" max="9232" width="5.21875" style="586" customWidth="1"/>
    <col min="9233" max="9478" width="7.44140625" style="586"/>
    <col min="9479" max="9479" width="7.77734375" style="586" customWidth="1"/>
    <col min="9480" max="9480" width="14" style="586" customWidth="1"/>
    <col min="9481" max="9481" width="15.77734375" style="586" customWidth="1"/>
    <col min="9482" max="9482" width="46" style="586" customWidth="1"/>
    <col min="9483" max="9483" width="3.77734375" style="586" customWidth="1"/>
    <col min="9484" max="9484" width="14" style="586" customWidth="1"/>
    <col min="9485" max="9485" width="7.44140625" style="586"/>
    <col min="9486" max="9486" width="10.44140625" style="586" customWidth="1"/>
    <col min="9487" max="9487" width="29.77734375" style="586" customWidth="1"/>
    <col min="9488" max="9488" width="5.21875" style="586" customWidth="1"/>
    <col min="9489" max="9734" width="7.44140625" style="586"/>
    <col min="9735" max="9735" width="7.77734375" style="586" customWidth="1"/>
    <col min="9736" max="9736" width="14" style="586" customWidth="1"/>
    <col min="9737" max="9737" width="15.77734375" style="586" customWidth="1"/>
    <col min="9738" max="9738" width="46" style="586" customWidth="1"/>
    <col min="9739" max="9739" width="3.77734375" style="586" customWidth="1"/>
    <col min="9740" max="9740" width="14" style="586" customWidth="1"/>
    <col min="9741" max="9741" width="7.44140625" style="586"/>
    <col min="9742" max="9742" width="10.44140625" style="586" customWidth="1"/>
    <col min="9743" max="9743" width="29.77734375" style="586" customWidth="1"/>
    <col min="9744" max="9744" width="5.21875" style="586" customWidth="1"/>
    <col min="9745" max="9990" width="7.44140625" style="586"/>
    <col min="9991" max="9991" width="7.77734375" style="586" customWidth="1"/>
    <col min="9992" max="9992" width="14" style="586" customWidth="1"/>
    <col min="9993" max="9993" width="15.77734375" style="586" customWidth="1"/>
    <col min="9994" max="9994" width="46" style="586" customWidth="1"/>
    <col min="9995" max="9995" width="3.77734375" style="586" customWidth="1"/>
    <col min="9996" max="9996" width="14" style="586" customWidth="1"/>
    <col min="9997" max="9997" width="7.44140625" style="586"/>
    <col min="9998" max="9998" width="10.44140625" style="586" customWidth="1"/>
    <col min="9999" max="9999" width="29.77734375" style="586" customWidth="1"/>
    <col min="10000" max="10000" width="5.21875" style="586" customWidth="1"/>
    <col min="10001" max="10246" width="7.44140625" style="586"/>
    <col min="10247" max="10247" width="7.77734375" style="586" customWidth="1"/>
    <col min="10248" max="10248" width="14" style="586" customWidth="1"/>
    <col min="10249" max="10249" width="15.77734375" style="586" customWidth="1"/>
    <col min="10250" max="10250" width="46" style="586" customWidth="1"/>
    <col min="10251" max="10251" width="3.77734375" style="586" customWidth="1"/>
    <col min="10252" max="10252" width="14" style="586" customWidth="1"/>
    <col min="10253" max="10253" width="7.44140625" style="586"/>
    <col min="10254" max="10254" width="10.44140625" style="586" customWidth="1"/>
    <col min="10255" max="10255" width="29.77734375" style="586" customWidth="1"/>
    <col min="10256" max="10256" width="5.21875" style="586" customWidth="1"/>
    <col min="10257" max="10502" width="7.44140625" style="586"/>
    <col min="10503" max="10503" width="7.77734375" style="586" customWidth="1"/>
    <col min="10504" max="10504" width="14" style="586" customWidth="1"/>
    <col min="10505" max="10505" width="15.77734375" style="586" customWidth="1"/>
    <col min="10506" max="10506" width="46" style="586" customWidth="1"/>
    <col min="10507" max="10507" width="3.77734375" style="586" customWidth="1"/>
    <col min="10508" max="10508" width="14" style="586" customWidth="1"/>
    <col min="10509" max="10509" width="7.44140625" style="586"/>
    <col min="10510" max="10510" width="10.44140625" style="586" customWidth="1"/>
    <col min="10511" max="10511" width="29.77734375" style="586" customWidth="1"/>
    <col min="10512" max="10512" width="5.21875" style="586" customWidth="1"/>
    <col min="10513" max="10758" width="7.44140625" style="586"/>
    <col min="10759" max="10759" width="7.77734375" style="586" customWidth="1"/>
    <col min="10760" max="10760" width="14" style="586" customWidth="1"/>
    <col min="10761" max="10761" width="15.77734375" style="586" customWidth="1"/>
    <col min="10762" max="10762" width="46" style="586" customWidth="1"/>
    <col min="10763" max="10763" width="3.77734375" style="586" customWidth="1"/>
    <col min="10764" max="10764" width="14" style="586" customWidth="1"/>
    <col min="10765" max="10765" width="7.44140625" style="586"/>
    <col min="10766" max="10766" width="10.44140625" style="586" customWidth="1"/>
    <col min="10767" max="10767" width="29.77734375" style="586" customWidth="1"/>
    <col min="10768" max="10768" width="5.21875" style="586" customWidth="1"/>
    <col min="10769" max="11014" width="7.44140625" style="586"/>
    <col min="11015" max="11015" width="7.77734375" style="586" customWidth="1"/>
    <col min="11016" max="11016" width="14" style="586" customWidth="1"/>
    <col min="11017" max="11017" width="15.77734375" style="586" customWidth="1"/>
    <col min="11018" max="11018" width="46" style="586" customWidth="1"/>
    <col min="11019" max="11019" width="3.77734375" style="586" customWidth="1"/>
    <col min="11020" max="11020" width="14" style="586" customWidth="1"/>
    <col min="11021" max="11021" width="7.44140625" style="586"/>
    <col min="11022" max="11022" width="10.44140625" style="586" customWidth="1"/>
    <col min="11023" max="11023" width="29.77734375" style="586" customWidth="1"/>
    <col min="11024" max="11024" width="5.21875" style="586" customWidth="1"/>
    <col min="11025" max="11270" width="7.44140625" style="586"/>
    <col min="11271" max="11271" width="7.77734375" style="586" customWidth="1"/>
    <col min="11272" max="11272" width="14" style="586" customWidth="1"/>
    <col min="11273" max="11273" width="15.77734375" style="586" customWidth="1"/>
    <col min="11274" max="11274" width="46" style="586" customWidth="1"/>
    <col min="11275" max="11275" width="3.77734375" style="586" customWidth="1"/>
    <col min="11276" max="11276" width="14" style="586" customWidth="1"/>
    <col min="11277" max="11277" width="7.44140625" style="586"/>
    <col min="11278" max="11278" width="10.44140625" style="586" customWidth="1"/>
    <col min="11279" max="11279" width="29.77734375" style="586" customWidth="1"/>
    <col min="11280" max="11280" width="5.21875" style="586" customWidth="1"/>
    <col min="11281" max="11526" width="7.44140625" style="586"/>
    <col min="11527" max="11527" width="7.77734375" style="586" customWidth="1"/>
    <col min="11528" max="11528" width="14" style="586" customWidth="1"/>
    <col min="11529" max="11529" width="15.77734375" style="586" customWidth="1"/>
    <col min="11530" max="11530" width="46" style="586" customWidth="1"/>
    <col min="11531" max="11531" width="3.77734375" style="586" customWidth="1"/>
    <col min="11532" max="11532" width="14" style="586" customWidth="1"/>
    <col min="11533" max="11533" width="7.44140625" style="586"/>
    <col min="11534" max="11534" width="10.44140625" style="586" customWidth="1"/>
    <col min="11535" max="11535" width="29.77734375" style="586" customWidth="1"/>
    <col min="11536" max="11536" width="5.21875" style="586" customWidth="1"/>
    <col min="11537" max="11782" width="7.44140625" style="586"/>
    <col min="11783" max="11783" width="7.77734375" style="586" customWidth="1"/>
    <col min="11784" max="11784" width="14" style="586" customWidth="1"/>
    <col min="11785" max="11785" width="15.77734375" style="586" customWidth="1"/>
    <col min="11786" max="11786" width="46" style="586" customWidth="1"/>
    <col min="11787" max="11787" width="3.77734375" style="586" customWidth="1"/>
    <col min="11788" max="11788" width="14" style="586" customWidth="1"/>
    <col min="11789" max="11789" width="7.44140625" style="586"/>
    <col min="11790" max="11790" width="10.44140625" style="586" customWidth="1"/>
    <col min="11791" max="11791" width="29.77734375" style="586" customWidth="1"/>
    <col min="11792" max="11792" width="5.21875" style="586" customWidth="1"/>
    <col min="11793" max="12038" width="7.44140625" style="586"/>
    <col min="12039" max="12039" width="7.77734375" style="586" customWidth="1"/>
    <col min="12040" max="12040" width="14" style="586" customWidth="1"/>
    <col min="12041" max="12041" width="15.77734375" style="586" customWidth="1"/>
    <col min="12042" max="12042" width="46" style="586" customWidth="1"/>
    <col min="12043" max="12043" width="3.77734375" style="586" customWidth="1"/>
    <col min="12044" max="12044" width="14" style="586" customWidth="1"/>
    <col min="12045" max="12045" width="7.44140625" style="586"/>
    <col min="12046" max="12046" width="10.44140625" style="586" customWidth="1"/>
    <col min="12047" max="12047" width="29.77734375" style="586" customWidth="1"/>
    <col min="12048" max="12048" width="5.21875" style="586" customWidth="1"/>
    <col min="12049" max="12294" width="7.44140625" style="586"/>
    <col min="12295" max="12295" width="7.77734375" style="586" customWidth="1"/>
    <col min="12296" max="12296" width="14" style="586" customWidth="1"/>
    <col min="12297" max="12297" width="15.77734375" style="586" customWidth="1"/>
    <col min="12298" max="12298" width="46" style="586" customWidth="1"/>
    <col min="12299" max="12299" width="3.77734375" style="586" customWidth="1"/>
    <col min="12300" max="12300" width="14" style="586" customWidth="1"/>
    <col min="12301" max="12301" width="7.44140625" style="586"/>
    <col min="12302" max="12302" width="10.44140625" style="586" customWidth="1"/>
    <col min="12303" max="12303" width="29.77734375" style="586" customWidth="1"/>
    <col min="12304" max="12304" width="5.21875" style="586" customWidth="1"/>
    <col min="12305" max="12550" width="7.44140625" style="586"/>
    <col min="12551" max="12551" width="7.77734375" style="586" customWidth="1"/>
    <col min="12552" max="12552" width="14" style="586" customWidth="1"/>
    <col min="12553" max="12553" width="15.77734375" style="586" customWidth="1"/>
    <col min="12554" max="12554" width="46" style="586" customWidth="1"/>
    <col min="12555" max="12555" width="3.77734375" style="586" customWidth="1"/>
    <col min="12556" max="12556" width="14" style="586" customWidth="1"/>
    <col min="12557" max="12557" width="7.44140625" style="586"/>
    <col min="12558" max="12558" width="10.44140625" style="586" customWidth="1"/>
    <col min="12559" max="12559" width="29.77734375" style="586" customWidth="1"/>
    <col min="12560" max="12560" width="5.21875" style="586" customWidth="1"/>
    <col min="12561" max="12806" width="7.44140625" style="586"/>
    <col min="12807" max="12807" width="7.77734375" style="586" customWidth="1"/>
    <col min="12808" max="12808" width="14" style="586" customWidth="1"/>
    <col min="12809" max="12809" width="15.77734375" style="586" customWidth="1"/>
    <col min="12810" max="12810" width="46" style="586" customWidth="1"/>
    <col min="12811" max="12811" width="3.77734375" style="586" customWidth="1"/>
    <col min="12812" max="12812" width="14" style="586" customWidth="1"/>
    <col min="12813" max="12813" width="7.44140625" style="586"/>
    <col min="12814" max="12814" width="10.44140625" style="586" customWidth="1"/>
    <col min="12815" max="12815" width="29.77734375" style="586" customWidth="1"/>
    <col min="12816" max="12816" width="5.21875" style="586" customWidth="1"/>
    <col min="12817" max="13062" width="7.44140625" style="586"/>
    <col min="13063" max="13063" width="7.77734375" style="586" customWidth="1"/>
    <col min="13064" max="13064" width="14" style="586" customWidth="1"/>
    <col min="13065" max="13065" width="15.77734375" style="586" customWidth="1"/>
    <col min="13066" max="13066" width="46" style="586" customWidth="1"/>
    <col min="13067" max="13067" width="3.77734375" style="586" customWidth="1"/>
    <col min="13068" max="13068" width="14" style="586" customWidth="1"/>
    <col min="13069" max="13069" width="7.44140625" style="586"/>
    <col min="13070" max="13070" width="10.44140625" style="586" customWidth="1"/>
    <col min="13071" max="13071" width="29.77734375" style="586" customWidth="1"/>
    <col min="13072" max="13072" width="5.21875" style="586" customWidth="1"/>
    <col min="13073" max="13318" width="7.44140625" style="586"/>
    <col min="13319" max="13319" width="7.77734375" style="586" customWidth="1"/>
    <col min="13320" max="13320" width="14" style="586" customWidth="1"/>
    <col min="13321" max="13321" width="15.77734375" style="586" customWidth="1"/>
    <col min="13322" max="13322" width="46" style="586" customWidth="1"/>
    <col min="13323" max="13323" width="3.77734375" style="586" customWidth="1"/>
    <col min="13324" max="13324" width="14" style="586" customWidth="1"/>
    <col min="13325" max="13325" width="7.44140625" style="586"/>
    <col min="13326" max="13326" width="10.44140625" style="586" customWidth="1"/>
    <col min="13327" max="13327" width="29.77734375" style="586" customWidth="1"/>
    <col min="13328" max="13328" width="5.21875" style="586" customWidth="1"/>
    <col min="13329" max="13574" width="7.44140625" style="586"/>
    <col min="13575" max="13575" width="7.77734375" style="586" customWidth="1"/>
    <col min="13576" max="13576" width="14" style="586" customWidth="1"/>
    <col min="13577" max="13577" width="15.77734375" style="586" customWidth="1"/>
    <col min="13578" max="13578" width="46" style="586" customWidth="1"/>
    <col min="13579" max="13579" width="3.77734375" style="586" customWidth="1"/>
    <col min="13580" max="13580" width="14" style="586" customWidth="1"/>
    <col min="13581" max="13581" width="7.44140625" style="586"/>
    <col min="13582" max="13582" width="10.44140625" style="586" customWidth="1"/>
    <col min="13583" max="13583" width="29.77734375" style="586" customWidth="1"/>
    <col min="13584" max="13584" width="5.21875" style="586" customWidth="1"/>
    <col min="13585" max="13830" width="7.44140625" style="586"/>
    <col min="13831" max="13831" width="7.77734375" style="586" customWidth="1"/>
    <col min="13832" max="13832" width="14" style="586" customWidth="1"/>
    <col min="13833" max="13833" width="15.77734375" style="586" customWidth="1"/>
    <col min="13834" max="13834" width="46" style="586" customWidth="1"/>
    <col min="13835" max="13835" width="3.77734375" style="586" customWidth="1"/>
    <col min="13836" max="13836" width="14" style="586" customWidth="1"/>
    <col min="13837" max="13837" width="7.44140625" style="586"/>
    <col min="13838" max="13838" width="10.44140625" style="586" customWidth="1"/>
    <col min="13839" max="13839" width="29.77734375" style="586" customWidth="1"/>
    <col min="13840" max="13840" width="5.21875" style="586" customWidth="1"/>
    <col min="13841" max="14086" width="7.44140625" style="586"/>
    <col min="14087" max="14087" width="7.77734375" style="586" customWidth="1"/>
    <col min="14088" max="14088" width="14" style="586" customWidth="1"/>
    <col min="14089" max="14089" width="15.77734375" style="586" customWidth="1"/>
    <col min="14090" max="14090" width="46" style="586" customWidth="1"/>
    <col min="14091" max="14091" width="3.77734375" style="586" customWidth="1"/>
    <col min="14092" max="14092" width="14" style="586" customWidth="1"/>
    <col min="14093" max="14093" width="7.44140625" style="586"/>
    <col min="14094" max="14094" width="10.44140625" style="586" customWidth="1"/>
    <col min="14095" max="14095" width="29.77734375" style="586" customWidth="1"/>
    <col min="14096" max="14096" width="5.21875" style="586" customWidth="1"/>
    <col min="14097" max="14342" width="7.44140625" style="586"/>
    <col min="14343" max="14343" width="7.77734375" style="586" customWidth="1"/>
    <col min="14344" max="14344" width="14" style="586" customWidth="1"/>
    <col min="14345" max="14345" width="15.77734375" style="586" customWidth="1"/>
    <col min="14346" max="14346" width="46" style="586" customWidth="1"/>
    <col min="14347" max="14347" width="3.77734375" style="586" customWidth="1"/>
    <col min="14348" max="14348" width="14" style="586" customWidth="1"/>
    <col min="14349" max="14349" width="7.44140625" style="586"/>
    <col min="14350" max="14350" width="10.44140625" style="586" customWidth="1"/>
    <col min="14351" max="14351" width="29.77734375" style="586" customWidth="1"/>
    <col min="14352" max="14352" width="5.21875" style="586" customWidth="1"/>
    <col min="14353" max="14598" width="7.44140625" style="586"/>
    <col min="14599" max="14599" width="7.77734375" style="586" customWidth="1"/>
    <col min="14600" max="14600" width="14" style="586" customWidth="1"/>
    <col min="14601" max="14601" width="15.77734375" style="586" customWidth="1"/>
    <col min="14602" max="14602" width="46" style="586" customWidth="1"/>
    <col min="14603" max="14603" width="3.77734375" style="586" customWidth="1"/>
    <col min="14604" max="14604" width="14" style="586" customWidth="1"/>
    <col min="14605" max="14605" width="7.44140625" style="586"/>
    <col min="14606" max="14606" width="10.44140625" style="586" customWidth="1"/>
    <col min="14607" max="14607" width="29.77734375" style="586" customWidth="1"/>
    <col min="14608" max="14608" width="5.21875" style="586" customWidth="1"/>
    <col min="14609" max="14854" width="7.44140625" style="586"/>
    <col min="14855" max="14855" width="7.77734375" style="586" customWidth="1"/>
    <col min="14856" max="14856" width="14" style="586" customWidth="1"/>
    <col min="14857" max="14857" width="15.77734375" style="586" customWidth="1"/>
    <col min="14858" max="14858" width="46" style="586" customWidth="1"/>
    <col min="14859" max="14859" width="3.77734375" style="586" customWidth="1"/>
    <col min="14860" max="14860" width="14" style="586" customWidth="1"/>
    <col min="14861" max="14861" width="7.44140625" style="586"/>
    <col min="14862" max="14862" width="10.44140625" style="586" customWidth="1"/>
    <col min="14863" max="14863" width="29.77734375" style="586" customWidth="1"/>
    <col min="14864" max="14864" width="5.21875" style="586" customWidth="1"/>
    <col min="14865" max="15110" width="7.44140625" style="586"/>
    <col min="15111" max="15111" width="7.77734375" style="586" customWidth="1"/>
    <col min="15112" max="15112" width="14" style="586" customWidth="1"/>
    <col min="15113" max="15113" width="15.77734375" style="586" customWidth="1"/>
    <col min="15114" max="15114" width="46" style="586" customWidth="1"/>
    <col min="15115" max="15115" width="3.77734375" style="586" customWidth="1"/>
    <col min="15116" max="15116" width="14" style="586" customWidth="1"/>
    <col min="15117" max="15117" width="7.44140625" style="586"/>
    <col min="15118" max="15118" width="10.44140625" style="586" customWidth="1"/>
    <col min="15119" max="15119" width="29.77734375" style="586" customWidth="1"/>
    <col min="15120" max="15120" width="5.21875" style="586" customWidth="1"/>
    <col min="15121" max="15366" width="7.44140625" style="586"/>
    <col min="15367" max="15367" width="7.77734375" style="586" customWidth="1"/>
    <col min="15368" max="15368" width="14" style="586" customWidth="1"/>
    <col min="15369" max="15369" width="15.77734375" style="586" customWidth="1"/>
    <col min="15370" max="15370" width="46" style="586" customWidth="1"/>
    <col min="15371" max="15371" width="3.77734375" style="586" customWidth="1"/>
    <col min="15372" max="15372" width="14" style="586" customWidth="1"/>
    <col min="15373" max="15373" width="7.44140625" style="586"/>
    <col min="15374" max="15374" width="10.44140625" style="586" customWidth="1"/>
    <col min="15375" max="15375" width="29.77734375" style="586" customWidth="1"/>
    <col min="15376" max="15376" width="5.21875" style="586" customWidth="1"/>
    <col min="15377" max="15622" width="7.44140625" style="586"/>
    <col min="15623" max="15623" width="7.77734375" style="586" customWidth="1"/>
    <col min="15624" max="15624" width="14" style="586" customWidth="1"/>
    <col min="15625" max="15625" width="15.77734375" style="586" customWidth="1"/>
    <col min="15626" max="15626" width="46" style="586" customWidth="1"/>
    <col min="15627" max="15627" width="3.77734375" style="586" customWidth="1"/>
    <col min="15628" max="15628" width="14" style="586" customWidth="1"/>
    <col min="15629" max="15629" width="7.44140625" style="586"/>
    <col min="15630" max="15630" width="10.44140625" style="586" customWidth="1"/>
    <col min="15631" max="15631" width="29.77734375" style="586" customWidth="1"/>
    <col min="15632" max="15632" width="5.21875" style="586" customWidth="1"/>
    <col min="15633" max="15878" width="7.44140625" style="586"/>
    <col min="15879" max="15879" width="7.77734375" style="586" customWidth="1"/>
    <col min="15880" max="15880" width="14" style="586" customWidth="1"/>
    <col min="15881" max="15881" width="15.77734375" style="586" customWidth="1"/>
    <col min="15882" max="15882" width="46" style="586" customWidth="1"/>
    <col min="15883" max="15883" width="3.77734375" style="586" customWidth="1"/>
    <col min="15884" max="15884" width="14" style="586" customWidth="1"/>
    <col min="15885" max="15885" width="7.44140625" style="586"/>
    <col min="15886" max="15886" width="10.44140625" style="586" customWidth="1"/>
    <col min="15887" max="15887" width="29.77734375" style="586" customWidth="1"/>
    <col min="15888" max="15888" width="5.21875" style="586" customWidth="1"/>
    <col min="15889" max="16134" width="7.44140625" style="586"/>
    <col min="16135" max="16135" width="7.77734375" style="586" customWidth="1"/>
    <col min="16136" max="16136" width="14" style="586" customWidth="1"/>
    <col min="16137" max="16137" width="15.77734375" style="586" customWidth="1"/>
    <col min="16138" max="16138" width="46" style="586" customWidth="1"/>
    <col min="16139" max="16139" width="3.77734375" style="586" customWidth="1"/>
    <col min="16140" max="16140" width="14" style="586" customWidth="1"/>
    <col min="16141" max="16141" width="7.44140625" style="586"/>
    <col min="16142" max="16142" width="10.44140625" style="586" customWidth="1"/>
    <col min="16143" max="16143" width="29.77734375" style="586" customWidth="1"/>
    <col min="16144" max="16144" width="5.21875" style="586" customWidth="1"/>
    <col min="16145" max="16384" width="7.44140625" style="586"/>
  </cols>
  <sheetData>
    <row r="1" spans="1:16">
      <c r="A1" s="585" t="s">
        <v>673</v>
      </c>
    </row>
    <row r="2" spans="1:16">
      <c r="A2" s="586" t="s">
        <v>674</v>
      </c>
    </row>
    <row r="3" spans="1:16" ht="12.6" thickBot="1">
      <c r="A3" s="586" t="s">
        <v>675</v>
      </c>
      <c r="B3" s="587"/>
      <c r="C3" s="587"/>
      <c r="D3" s="587"/>
      <c r="E3" s="587"/>
      <c r="F3" s="587"/>
      <c r="G3" s="587"/>
      <c r="H3" s="587"/>
      <c r="I3" s="587"/>
      <c r="J3" s="587"/>
      <c r="L3" s="587"/>
      <c r="M3" s="587"/>
      <c r="N3" s="587"/>
      <c r="O3" s="587"/>
    </row>
    <row r="4" spans="1:16" ht="13.2" customHeight="1">
      <c r="B4" s="1875" t="s">
        <v>676</v>
      </c>
      <c r="C4" s="1824" t="s">
        <v>993</v>
      </c>
      <c r="D4" s="1825"/>
      <c r="E4" s="1886" t="s">
        <v>994</v>
      </c>
      <c r="F4" s="1839"/>
      <c r="G4" s="1883" t="s">
        <v>995</v>
      </c>
      <c r="H4" s="1884"/>
      <c r="I4" s="1883"/>
      <c r="J4" s="1885"/>
      <c r="K4" s="587"/>
      <c r="P4" s="587"/>
    </row>
    <row r="5" spans="1:16">
      <c r="B5" s="1841"/>
      <c r="C5" s="1826"/>
      <c r="D5" s="1827"/>
      <c r="E5" s="1878"/>
      <c r="F5" s="1840"/>
      <c r="G5" s="1855"/>
      <c r="H5" s="1856"/>
      <c r="I5" s="1853"/>
      <c r="J5" s="1858"/>
      <c r="K5" s="587"/>
      <c r="P5" s="587"/>
    </row>
    <row r="6" spans="1:16">
      <c r="B6" s="1841" t="s">
        <v>677</v>
      </c>
      <c r="C6" s="1828" t="s">
        <v>996</v>
      </c>
      <c r="D6" s="1829"/>
      <c r="E6" s="1876" t="s">
        <v>994</v>
      </c>
      <c r="F6" s="1879"/>
      <c r="G6" s="1851" t="s">
        <v>995</v>
      </c>
      <c r="H6" s="1852"/>
      <c r="I6" s="1851"/>
      <c r="J6" s="1857"/>
      <c r="K6" s="587"/>
      <c r="P6" s="587"/>
    </row>
    <row r="7" spans="1:16">
      <c r="B7" s="1841"/>
      <c r="C7" s="1826"/>
      <c r="D7" s="1827"/>
      <c r="E7" s="1877"/>
      <c r="F7" s="1880"/>
      <c r="G7" s="1853"/>
      <c r="H7" s="1854"/>
      <c r="I7" s="1853"/>
      <c r="J7" s="1858"/>
      <c r="K7" s="587"/>
      <c r="P7" s="587"/>
    </row>
    <row r="8" spans="1:16">
      <c r="B8" s="1841" t="s">
        <v>678</v>
      </c>
      <c r="C8" s="1828" t="s">
        <v>996</v>
      </c>
      <c r="D8" s="1829"/>
      <c r="E8" s="1878" t="s">
        <v>994</v>
      </c>
      <c r="F8" s="1881"/>
      <c r="G8" s="1855" t="s">
        <v>995</v>
      </c>
      <c r="H8" s="1856"/>
      <c r="I8" s="1851"/>
      <c r="J8" s="1857"/>
      <c r="K8" s="587"/>
      <c r="P8" s="587"/>
    </row>
    <row r="9" spans="1:16">
      <c r="B9" s="1841"/>
      <c r="C9" s="1826"/>
      <c r="D9" s="1827"/>
      <c r="E9" s="1877"/>
      <c r="F9" s="1882"/>
      <c r="G9" s="1853"/>
      <c r="H9" s="1854"/>
      <c r="I9" s="1853"/>
      <c r="J9" s="1858"/>
      <c r="K9" s="587"/>
      <c r="P9" s="587"/>
    </row>
    <row r="10" spans="1:16">
      <c r="B10" s="1841" t="s">
        <v>679</v>
      </c>
      <c r="C10" s="1843" t="s">
        <v>1049</v>
      </c>
      <c r="D10" s="1844"/>
      <c r="E10" s="1844"/>
      <c r="F10" s="1844"/>
      <c r="G10" s="1844"/>
      <c r="H10" s="1844"/>
      <c r="I10" s="1844"/>
      <c r="J10" s="1845"/>
      <c r="K10" s="587"/>
      <c r="P10" s="587"/>
    </row>
    <row r="11" spans="1:16" ht="12.6" thickBot="1">
      <c r="B11" s="1842"/>
      <c r="C11" s="1846"/>
      <c r="D11" s="1847"/>
      <c r="E11" s="1847"/>
      <c r="F11" s="1847"/>
      <c r="G11" s="1847"/>
      <c r="H11" s="1847"/>
      <c r="I11" s="1847"/>
      <c r="J11" s="1848"/>
      <c r="K11" s="587"/>
      <c r="P11" s="587"/>
    </row>
    <row r="13" spans="1:16" ht="13.8" thickBot="1">
      <c r="A13" s="1849" t="s">
        <v>997</v>
      </c>
      <c r="B13" s="1850"/>
      <c r="C13" s="1850"/>
      <c r="D13" s="721"/>
      <c r="E13" s="721"/>
      <c r="F13" s="721"/>
      <c r="G13" s="721"/>
      <c r="H13" s="721"/>
      <c r="I13" s="721"/>
      <c r="J13" s="587"/>
    </row>
    <row r="14" spans="1:16" ht="13.2" customHeight="1">
      <c r="B14" s="1862" t="s">
        <v>680</v>
      </c>
      <c r="C14" s="1863"/>
      <c r="D14" s="1863"/>
      <c r="E14" s="1692" t="s">
        <v>1003</v>
      </c>
      <c r="F14" s="1693"/>
      <c r="G14" s="1693"/>
      <c r="H14" s="1693"/>
      <c r="I14" s="1693"/>
      <c r="J14" s="1864"/>
      <c r="K14" s="719"/>
    </row>
    <row r="15" spans="1:16">
      <c r="B15" s="1821"/>
      <c r="C15" s="1822"/>
      <c r="D15" s="1822"/>
      <c r="E15" s="900"/>
      <c r="F15" s="957"/>
      <c r="G15" s="957"/>
      <c r="H15" s="957"/>
      <c r="I15" s="957"/>
      <c r="J15" s="1578"/>
      <c r="K15" s="719"/>
    </row>
    <row r="16" spans="1:16">
      <c r="B16" s="1815" t="s">
        <v>999</v>
      </c>
      <c r="C16" s="1816"/>
      <c r="D16" s="1816"/>
      <c r="E16" s="898" t="s">
        <v>1003</v>
      </c>
      <c r="F16" s="909"/>
      <c r="G16" s="909"/>
      <c r="H16" s="909"/>
      <c r="I16" s="909"/>
      <c r="J16" s="910"/>
      <c r="K16" s="719"/>
    </row>
    <row r="17" spans="1:16">
      <c r="B17" s="1821"/>
      <c r="C17" s="1822"/>
      <c r="D17" s="1822"/>
      <c r="E17" s="900"/>
      <c r="F17" s="957"/>
      <c r="G17" s="957"/>
      <c r="H17" s="957"/>
      <c r="I17" s="957"/>
      <c r="J17" s="1578"/>
      <c r="K17" s="719"/>
    </row>
    <row r="18" spans="1:16" ht="13.2" customHeight="1">
      <c r="B18" s="1830" t="s">
        <v>1004</v>
      </c>
      <c r="C18" s="1831"/>
      <c r="D18" s="1831"/>
      <c r="E18" s="1836" t="s">
        <v>1000</v>
      </c>
      <c r="F18" s="1837"/>
      <c r="G18" s="1837"/>
      <c r="H18" s="1837"/>
      <c r="I18" s="1837"/>
      <c r="J18" s="1838"/>
      <c r="K18" s="720"/>
    </row>
    <row r="19" spans="1:16" ht="13.2" customHeight="1">
      <c r="B19" s="1832"/>
      <c r="C19" s="1833"/>
      <c r="D19" s="1833"/>
      <c r="E19" s="1865" t="s">
        <v>1001</v>
      </c>
      <c r="F19" s="1866"/>
      <c r="G19" s="1866"/>
      <c r="H19" s="1866"/>
      <c r="I19" s="1866"/>
      <c r="J19" s="1867"/>
      <c r="K19" s="720"/>
    </row>
    <row r="20" spans="1:16" ht="13.2" customHeight="1">
      <c r="B20" s="1832"/>
      <c r="C20" s="1833"/>
      <c r="D20" s="1833"/>
      <c r="E20" s="1865"/>
      <c r="F20" s="1866"/>
      <c r="G20" s="1866"/>
      <c r="H20" s="1866"/>
      <c r="I20" s="1866"/>
      <c r="J20" s="1867"/>
      <c r="K20" s="720"/>
    </row>
    <row r="21" spans="1:16" ht="13.2" customHeight="1">
      <c r="B21" s="1832"/>
      <c r="C21" s="1833"/>
      <c r="D21" s="1833"/>
      <c r="E21" s="1836" t="s">
        <v>1002</v>
      </c>
      <c r="F21" s="1837"/>
      <c r="G21" s="1837"/>
      <c r="H21" s="1837"/>
      <c r="I21" s="1837"/>
      <c r="J21" s="1838"/>
      <c r="K21" s="720"/>
      <c r="P21" s="587"/>
    </row>
    <row r="22" spans="1:16" ht="13.2" customHeight="1">
      <c r="B22" s="1832"/>
      <c r="C22" s="1833"/>
      <c r="D22" s="1833"/>
      <c r="E22" s="1865" t="s">
        <v>1001</v>
      </c>
      <c r="F22" s="1866"/>
      <c r="G22" s="1866"/>
      <c r="H22" s="1866"/>
      <c r="I22" s="1866"/>
      <c r="J22" s="1867"/>
      <c r="K22" s="587"/>
      <c r="P22" s="587"/>
    </row>
    <row r="23" spans="1:16" ht="13.8" customHeight="1" thickBot="1">
      <c r="B23" s="1834"/>
      <c r="C23" s="1835"/>
      <c r="D23" s="1835"/>
      <c r="E23" s="1869"/>
      <c r="F23" s="1870"/>
      <c r="G23" s="1870"/>
      <c r="H23" s="1870"/>
      <c r="I23" s="1870"/>
      <c r="J23" s="1871"/>
      <c r="K23" s="587"/>
      <c r="P23" s="587"/>
    </row>
    <row r="24" spans="1:16">
      <c r="P24" s="587"/>
    </row>
    <row r="25" spans="1:16" ht="13.8" thickBot="1">
      <c r="A25" s="1849" t="s">
        <v>998</v>
      </c>
      <c r="B25" s="1850"/>
      <c r="C25" s="1850"/>
      <c r="D25" s="721"/>
      <c r="E25" s="721"/>
      <c r="F25" s="721"/>
      <c r="G25" s="721"/>
      <c r="H25" s="721"/>
      <c r="I25" s="721"/>
      <c r="P25" s="587"/>
    </row>
    <row r="26" spans="1:16" ht="13.2" customHeight="1">
      <c r="B26" s="1862" t="s">
        <v>681</v>
      </c>
      <c r="C26" s="1863"/>
      <c r="D26" s="1872"/>
      <c r="E26" s="1862" t="s">
        <v>682</v>
      </c>
      <c r="F26" s="1863"/>
      <c r="G26" s="1863"/>
      <c r="H26" s="1863"/>
      <c r="I26" s="1863"/>
      <c r="J26" s="1872"/>
      <c r="K26" s="587"/>
      <c r="P26" s="587"/>
    </row>
    <row r="27" spans="1:16">
      <c r="B27" s="1821"/>
      <c r="C27" s="1822"/>
      <c r="D27" s="1823"/>
      <c r="E27" s="1821"/>
      <c r="F27" s="1822"/>
      <c r="G27" s="1822"/>
      <c r="H27" s="1822"/>
      <c r="I27" s="1822"/>
      <c r="J27" s="1823"/>
      <c r="K27" s="587"/>
    </row>
    <row r="28" spans="1:16">
      <c r="B28" s="1815" t="s">
        <v>1005</v>
      </c>
      <c r="C28" s="1816"/>
      <c r="D28" s="1819"/>
      <c r="E28" s="1815" t="s">
        <v>682</v>
      </c>
      <c r="F28" s="1816"/>
      <c r="G28" s="1816"/>
      <c r="H28" s="1816"/>
      <c r="I28" s="1816"/>
      <c r="J28" s="1819"/>
      <c r="K28" s="587"/>
      <c r="P28" s="587"/>
    </row>
    <row r="29" spans="1:16">
      <c r="B29" s="1821"/>
      <c r="C29" s="1822"/>
      <c r="D29" s="1823"/>
      <c r="E29" s="1821"/>
      <c r="F29" s="1822"/>
      <c r="G29" s="1822"/>
      <c r="H29" s="1822"/>
      <c r="I29" s="1822"/>
      <c r="J29" s="1823"/>
      <c r="K29" s="587"/>
    </row>
    <row r="30" spans="1:16">
      <c r="B30" s="1815" t="s">
        <v>683</v>
      </c>
      <c r="C30" s="1816"/>
      <c r="D30" s="1819"/>
      <c r="E30" s="1815" t="s">
        <v>682</v>
      </c>
      <c r="F30" s="1816"/>
      <c r="G30" s="1816"/>
      <c r="H30" s="1816"/>
      <c r="I30" s="1816"/>
      <c r="J30" s="1819"/>
      <c r="K30" s="587"/>
    </row>
    <row r="31" spans="1:16">
      <c r="B31" s="1821"/>
      <c r="C31" s="1822"/>
      <c r="D31" s="1823"/>
      <c r="E31" s="1821"/>
      <c r="F31" s="1822"/>
      <c r="G31" s="1822"/>
      <c r="H31" s="1822"/>
      <c r="I31" s="1822"/>
      <c r="J31" s="1823"/>
      <c r="K31" s="587"/>
    </row>
    <row r="32" spans="1:16" ht="13.2" customHeight="1">
      <c r="B32" s="1815" t="s">
        <v>684</v>
      </c>
      <c r="C32" s="1816"/>
      <c r="D32" s="1819"/>
      <c r="E32" s="1815"/>
      <c r="F32" s="1816"/>
      <c r="G32" s="1873" t="s">
        <v>1006</v>
      </c>
      <c r="H32" s="1873"/>
      <c r="I32" s="1816"/>
      <c r="J32" s="1819"/>
      <c r="K32" s="587"/>
    </row>
    <row r="33" spans="1:12" ht="13.8" customHeight="1" thickBot="1">
      <c r="B33" s="1817"/>
      <c r="C33" s="1818"/>
      <c r="D33" s="1820"/>
      <c r="E33" s="1817"/>
      <c r="F33" s="1818"/>
      <c r="G33" s="1874"/>
      <c r="H33" s="1874"/>
      <c r="I33" s="1818"/>
      <c r="J33" s="1820"/>
      <c r="K33" s="587"/>
    </row>
    <row r="34" spans="1:12">
      <c r="B34" s="587"/>
      <c r="C34" s="587"/>
      <c r="D34" s="587"/>
      <c r="E34" s="587"/>
      <c r="F34" s="587"/>
      <c r="G34" s="587"/>
      <c r="H34" s="587"/>
      <c r="I34" s="587"/>
      <c r="J34" s="587"/>
      <c r="K34" s="587"/>
    </row>
    <row r="35" spans="1:12" ht="12.6" thickBot="1">
      <c r="A35" s="586" t="s">
        <v>685</v>
      </c>
    </row>
    <row r="36" spans="1:12" s="742" customFormat="1" ht="17.25" customHeight="1">
      <c r="A36" s="738"/>
      <c r="B36" s="739" t="s">
        <v>1007</v>
      </c>
      <c r="C36" s="740"/>
      <c r="D36" s="741"/>
      <c r="E36" s="741" t="s">
        <v>1008</v>
      </c>
      <c r="F36" s="741"/>
      <c r="G36" s="741"/>
      <c r="H36" s="741"/>
      <c r="I36" s="1860" t="s">
        <v>1009</v>
      </c>
      <c r="J36" s="1861"/>
      <c r="K36" s="743"/>
      <c r="L36" s="746"/>
    </row>
    <row r="37" spans="1:12" s="742" customFormat="1" ht="5.25" customHeight="1">
      <c r="A37" s="738"/>
      <c r="B37" s="743" t="s">
        <v>686</v>
      </c>
      <c r="C37" s="744"/>
      <c r="D37" s="744"/>
      <c r="E37" s="744"/>
      <c r="F37" s="744"/>
      <c r="G37" s="744"/>
      <c r="H37" s="744"/>
      <c r="I37" s="744"/>
      <c r="J37" s="744"/>
      <c r="K37" s="743"/>
      <c r="L37" s="746"/>
    </row>
    <row r="38" spans="1:12" s="742" customFormat="1">
      <c r="A38" s="738"/>
      <c r="B38" s="743" t="s">
        <v>1010</v>
      </c>
      <c r="C38" s="744"/>
      <c r="D38" s="744"/>
      <c r="E38" s="744"/>
      <c r="F38" s="745"/>
      <c r="G38" s="744"/>
      <c r="H38" s="744"/>
      <c r="I38" s="745"/>
      <c r="J38" s="745"/>
      <c r="K38" s="743"/>
      <c r="L38" s="746"/>
    </row>
    <row r="39" spans="1:12">
      <c r="B39" s="588" t="s">
        <v>1011</v>
      </c>
      <c r="C39" s="587"/>
      <c r="D39" s="587"/>
      <c r="E39" s="587"/>
      <c r="F39" s="587"/>
      <c r="G39" s="587" t="s">
        <v>1015</v>
      </c>
      <c r="H39" s="587"/>
      <c r="I39" s="587"/>
      <c r="J39" s="594"/>
      <c r="K39" s="588"/>
    </row>
    <row r="40" spans="1:12">
      <c r="B40" s="588" t="s">
        <v>1012</v>
      </c>
      <c r="C40" s="587"/>
      <c r="D40" s="587"/>
      <c r="E40" s="587"/>
      <c r="F40" s="587"/>
      <c r="G40" s="587" t="s">
        <v>1015</v>
      </c>
      <c r="H40" s="587"/>
      <c r="I40" s="587"/>
      <c r="J40" s="594"/>
      <c r="K40" s="588"/>
    </row>
    <row r="41" spans="1:12">
      <c r="B41" s="588" t="s">
        <v>1013</v>
      </c>
      <c r="C41" s="587"/>
      <c r="D41" s="587"/>
      <c r="E41" s="587"/>
      <c r="F41" s="587"/>
      <c r="G41" s="587" t="s">
        <v>1015</v>
      </c>
      <c r="H41" s="587"/>
      <c r="I41" s="587"/>
      <c r="J41" s="594"/>
      <c r="K41" s="588"/>
    </row>
    <row r="42" spans="1:12">
      <c r="B42" s="588" t="s">
        <v>1014</v>
      </c>
      <c r="C42" s="587"/>
      <c r="D42" s="587"/>
      <c r="E42" s="587"/>
      <c r="F42" s="587"/>
      <c r="G42" s="587" t="s">
        <v>1015</v>
      </c>
      <c r="H42" s="587"/>
      <c r="I42" s="587"/>
      <c r="J42" s="594"/>
      <c r="K42" s="588"/>
    </row>
    <row r="43" spans="1:12" ht="12.6" thickBot="1">
      <c r="B43" s="589"/>
      <c r="C43" s="590"/>
      <c r="D43" s="590"/>
      <c r="E43" s="590"/>
      <c r="F43" s="590"/>
      <c r="G43" s="590"/>
      <c r="H43" s="590"/>
      <c r="I43" s="590"/>
      <c r="J43" s="595"/>
      <c r="K43" s="588"/>
    </row>
    <row r="44" spans="1:12">
      <c r="B44" s="586" t="s">
        <v>687</v>
      </c>
    </row>
    <row r="45" spans="1:12">
      <c r="B45" s="587" t="s">
        <v>688</v>
      </c>
    </row>
    <row r="46" spans="1:12">
      <c r="B46" s="587" t="s">
        <v>689</v>
      </c>
    </row>
    <row r="47" spans="1:12">
      <c r="B47" s="587" t="s">
        <v>690</v>
      </c>
    </row>
    <row r="48" spans="1:12">
      <c r="A48" s="587"/>
    </row>
    <row r="49" spans="1:11">
      <c r="A49" s="587"/>
      <c r="B49" s="1868" t="s">
        <v>1016</v>
      </c>
      <c r="C49" s="747" t="s">
        <v>1017</v>
      </c>
      <c r="D49" s="587"/>
      <c r="E49" s="587"/>
      <c r="F49" s="587"/>
      <c r="G49" s="587"/>
      <c r="H49" s="587"/>
      <c r="I49" s="587"/>
    </row>
    <row r="50" spans="1:11">
      <c r="A50" s="587"/>
      <c r="B50" s="1868"/>
      <c r="C50" s="737" t="s">
        <v>1018</v>
      </c>
    </row>
    <row r="51" spans="1:11" ht="9.75" customHeight="1"/>
    <row r="52" spans="1:11" ht="12.6" thickBot="1">
      <c r="A52" s="586" t="s">
        <v>691</v>
      </c>
      <c r="B52" s="587"/>
      <c r="C52" s="587"/>
      <c r="D52" s="587"/>
      <c r="E52" s="587"/>
      <c r="F52" s="587"/>
      <c r="G52" s="587"/>
      <c r="H52" s="587"/>
      <c r="I52" s="587"/>
      <c r="J52" s="587"/>
      <c r="K52" s="587"/>
    </row>
    <row r="53" spans="1:11" ht="6.6" customHeight="1">
      <c r="B53" s="591"/>
      <c r="C53" s="592"/>
      <c r="D53" s="592"/>
      <c r="E53" s="592"/>
      <c r="F53" s="592"/>
      <c r="G53" s="592"/>
      <c r="H53" s="592"/>
      <c r="I53" s="592"/>
      <c r="J53" s="593"/>
      <c r="K53" s="588"/>
    </row>
    <row r="54" spans="1:11">
      <c r="B54" s="588"/>
      <c r="C54" s="587"/>
      <c r="D54" s="587"/>
      <c r="E54" s="587" t="s">
        <v>1019</v>
      </c>
      <c r="F54" s="1859"/>
      <c r="G54" s="1859"/>
      <c r="H54" s="1859"/>
      <c r="I54" s="1859"/>
      <c r="J54" s="594" t="s">
        <v>1020</v>
      </c>
      <c r="K54" s="588"/>
    </row>
    <row r="55" spans="1:11">
      <c r="B55" s="588"/>
      <c r="C55" s="587"/>
      <c r="D55" s="587"/>
      <c r="E55" s="587"/>
      <c r="F55" s="587"/>
      <c r="G55" s="587"/>
      <c r="H55" s="587"/>
      <c r="I55" s="587"/>
      <c r="J55" s="594"/>
      <c r="K55" s="588"/>
    </row>
    <row r="56" spans="1:11">
      <c r="B56" s="588" t="s">
        <v>692</v>
      </c>
      <c r="C56" s="587"/>
      <c r="D56" s="587"/>
      <c r="E56" s="587"/>
      <c r="F56" s="587"/>
      <c r="G56" s="587"/>
      <c r="H56" s="587"/>
      <c r="I56" s="587"/>
      <c r="J56" s="594"/>
      <c r="K56" s="588"/>
    </row>
    <row r="57" spans="1:11">
      <c r="B57" s="588" t="s">
        <v>693</v>
      </c>
      <c r="C57" s="587"/>
      <c r="D57" s="587"/>
      <c r="E57" s="587"/>
      <c r="F57" s="587"/>
      <c r="G57" s="587"/>
      <c r="H57" s="587"/>
      <c r="I57" s="587"/>
      <c r="J57" s="594"/>
      <c r="K57" s="588"/>
    </row>
    <row r="58" spans="1:11">
      <c r="B58" s="588" t="s">
        <v>694</v>
      </c>
      <c r="C58" s="587"/>
      <c r="D58" s="587"/>
      <c r="E58" s="587"/>
      <c r="F58" s="587"/>
      <c r="G58" s="587"/>
      <c r="H58" s="587"/>
      <c r="I58" s="587"/>
      <c r="J58" s="594"/>
      <c r="K58" s="588"/>
    </row>
    <row r="59" spans="1:11">
      <c r="B59" s="588" t="s">
        <v>693</v>
      </c>
      <c r="C59" s="587"/>
      <c r="D59" s="587"/>
      <c r="E59" s="587"/>
      <c r="F59" s="587"/>
      <c r="G59" s="587"/>
      <c r="H59" s="587"/>
      <c r="I59" s="587"/>
      <c r="J59" s="594"/>
      <c r="K59" s="588"/>
    </row>
    <row r="60" spans="1:11">
      <c r="B60" s="588" t="s">
        <v>695</v>
      </c>
      <c r="C60" s="587"/>
      <c r="D60" s="587"/>
      <c r="E60" s="587"/>
      <c r="F60" s="587"/>
      <c r="G60" s="587"/>
      <c r="H60" s="587"/>
      <c r="I60" s="587"/>
      <c r="J60" s="594"/>
      <c r="K60" s="588"/>
    </row>
    <row r="61" spans="1:11">
      <c r="B61" s="588" t="s">
        <v>693</v>
      </c>
      <c r="C61" s="587"/>
      <c r="D61" s="587"/>
      <c r="E61" s="587"/>
      <c r="F61" s="587"/>
      <c r="G61" s="587"/>
      <c r="H61" s="587"/>
      <c r="I61" s="587"/>
      <c r="J61" s="594"/>
      <c r="K61" s="588"/>
    </row>
    <row r="62" spans="1:11">
      <c r="B62" s="588"/>
      <c r="C62" s="587"/>
      <c r="D62" s="587"/>
      <c r="E62" s="587"/>
      <c r="F62" s="587"/>
      <c r="G62" s="587"/>
      <c r="H62" s="587"/>
      <c r="I62" s="587"/>
      <c r="J62" s="594"/>
      <c r="K62" s="588"/>
    </row>
    <row r="63" spans="1:11">
      <c r="B63" s="588" t="s">
        <v>1021</v>
      </c>
      <c r="C63" s="587"/>
      <c r="D63" s="587"/>
      <c r="E63" s="587" t="s">
        <v>1019</v>
      </c>
      <c r="F63" s="1859"/>
      <c r="G63" s="1859"/>
      <c r="H63" s="1859"/>
      <c r="I63" s="1859"/>
      <c r="J63" s="594" t="s">
        <v>1020</v>
      </c>
      <c r="K63" s="588"/>
    </row>
    <row r="64" spans="1:11" ht="12.6" thickBot="1">
      <c r="B64" s="589" t="s">
        <v>696</v>
      </c>
      <c r="C64" s="590"/>
      <c r="D64" s="590"/>
      <c r="E64" s="590"/>
      <c r="F64" s="590"/>
      <c r="G64" s="590"/>
      <c r="H64" s="590"/>
      <c r="I64" s="590"/>
      <c r="J64" s="595"/>
      <c r="K64" s="588"/>
    </row>
    <row r="67" spans="1:1">
      <c r="A67" s="587"/>
    </row>
    <row r="68" spans="1:1">
      <c r="A68" s="587"/>
    </row>
    <row r="69" spans="1:1">
      <c r="A69" s="587"/>
    </row>
  </sheetData>
  <mergeCells count="45">
    <mergeCell ref="E26:J27"/>
    <mergeCell ref="E28:J29"/>
    <mergeCell ref="A25:C25"/>
    <mergeCell ref="B4:B5"/>
    <mergeCell ref="B6:B7"/>
    <mergeCell ref="I8:J9"/>
    <mergeCell ref="E6:E7"/>
    <mergeCell ref="E8:E9"/>
    <mergeCell ref="F6:F7"/>
    <mergeCell ref="F8:F9"/>
    <mergeCell ref="G4:H5"/>
    <mergeCell ref="I4:J5"/>
    <mergeCell ref="E4:E5"/>
    <mergeCell ref="F63:I63"/>
    <mergeCell ref="I36:J36"/>
    <mergeCell ref="B14:D15"/>
    <mergeCell ref="B16:D17"/>
    <mergeCell ref="E14:J15"/>
    <mergeCell ref="E16:J17"/>
    <mergeCell ref="E19:J20"/>
    <mergeCell ref="B49:B50"/>
    <mergeCell ref="F54:I54"/>
    <mergeCell ref="E21:J21"/>
    <mergeCell ref="E22:J23"/>
    <mergeCell ref="B26:D27"/>
    <mergeCell ref="B28:D29"/>
    <mergeCell ref="E30:J31"/>
    <mergeCell ref="B32:D33"/>
    <mergeCell ref="G32:H33"/>
    <mergeCell ref="E32:F33"/>
    <mergeCell ref="I32:J33"/>
    <mergeCell ref="B30:D31"/>
    <mergeCell ref="C4:D5"/>
    <mergeCell ref="C6:D7"/>
    <mergeCell ref="C8:D9"/>
    <mergeCell ref="B18:D23"/>
    <mergeCell ref="E18:J18"/>
    <mergeCell ref="F4:F5"/>
    <mergeCell ref="B8:B9"/>
    <mergeCell ref="B10:B11"/>
    <mergeCell ref="C10:J11"/>
    <mergeCell ref="A13:C13"/>
    <mergeCell ref="G6:H7"/>
    <mergeCell ref="G8:H9"/>
    <mergeCell ref="I6:J7"/>
  </mergeCells>
  <phoneticPr fontId="3"/>
  <dataValidations count="1">
    <dataValidation type="list" allowBlank="1" showInputMessage="1" promptTitle="辞令の有無" prompt="リストから選択できます" sqref="F4:F9" xr:uid="{00000000-0002-0000-1500-000000000000}">
      <formula1>"有,無,"</formula1>
    </dataValidation>
  </dataValidations>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3490" r:id="rId4" name="Check Box 2">
              <controlPr defaultSize="0" autoFill="0" autoLine="0" autoPict="0">
                <anchor moveWithCells="1">
                  <from>
                    <xdr:col>4</xdr:col>
                    <xdr:colOff>662940</xdr:colOff>
                    <xdr:row>31</xdr:row>
                    <xdr:rowOff>76200</xdr:rowOff>
                  </from>
                  <to>
                    <xdr:col>5</xdr:col>
                    <xdr:colOff>358140</xdr:colOff>
                    <xdr:row>32</xdr:row>
                    <xdr:rowOff>114300</xdr:rowOff>
                  </to>
                </anchor>
              </controlPr>
            </control>
          </mc:Choice>
        </mc:AlternateContent>
        <mc:AlternateContent xmlns:mc="http://schemas.openxmlformats.org/markup-compatibility/2006">
          <mc:Choice Requires="x14">
            <control shapeId="63491" r:id="rId5" name="Check Box 3">
              <controlPr defaultSize="0" autoFill="0" autoLine="0" autoPict="0">
                <anchor moveWithCells="1">
                  <from>
                    <xdr:col>4</xdr:col>
                    <xdr:colOff>152400</xdr:colOff>
                    <xdr:row>31</xdr:row>
                    <xdr:rowOff>53340</xdr:rowOff>
                  </from>
                  <to>
                    <xdr:col>4</xdr:col>
                    <xdr:colOff>548640</xdr:colOff>
                    <xdr:row>32</xdr:row>
                    <xdr:rowOff>121920</xdr:rowOff>
                  </to>
                </anchor>
              </controlPr>
            </control>
          </mc:Choice>
        </mc:AlternateContent>
        <mc:AlternateContent xmlns:mc="http://schemas.openxmlformats.org/markup-compatibility/2006">
          <mc:Choice Requires="x14">
            <control shapeId="63492" r:id="rId6" name="Check Box 4">
              <controlPr defaultSize="0" autoFill="0" autoLine="0" autoPict="0">
                <anchor moveWithCells="1">
                  <from>
                    <xdr:col>2</xdr:col>
                    <xdr:colOff>160020</xdr:colOff>
                    <xdr:row>34</xdr:row>
                    <xdr:rowOff>160020</xdr:rowOff>
                  </from>
                  <to>
                    <xdr:col>2</xdr:col>
                    <xdr:colOff>601980</xdr:colOff>
                    <xdr:row>36</xdr:row>
                    <xdr:rowOff>53340</xdr:rowOff>
                  </to>
                </anchor>
              </controlPr>
            </control>
          </mc:Choice>
        </mc:AlternateContent>
        <mc:AlternateContent xmlns:mc="http://schemas.openxmlformats.org/markup-compatibility/2006">
          <mc:Choice Requires="x14">
            <control shapeId="63493" r:id="rId7" name="Check Box 5">
              <controlPr defaultSize="0" autoFill="0" autoLine="0" autoPict="0">
                <anchor moveWithCells="1">
                  <from>
                    <xdr:col>2</xdr:col>
                    <xdr:colOff>708660</xdr:colOff>
                    <xdr:row>34</xdr:row>
                    <xdr:rowOff>175260</xdr:rowOff>
                  </from>
                  <to>
                    <xdr:col>2</xdr:col>
                    <xdr:colOff>1150620</xdr:colOff>
                    <xdr:row>36</xdr:row>
                    <xdr:rowOff>45720</xdr:rowOff>
                  </to>
                </anchor>
              </controlPr>
            </control>
          </mc:Choice>
        </mc:AlternateContent>
        <mc:AlternateContent xmlns:mc="http://schemas.openxmlformats.org/markup-compatibility/2006">
          <mc:Choice Requires="x14">
            <control shapeId="63494" r:id="rId8" name="Check Box 6">
              <controlPr defaultSize="0" autoFill="0" autoLine="0" autoPict="0">
                <anchor moveWithCells="1">
                  <from>
                    <xdr:col>4</xdr:col>
                    <xdr:colOff>579120</xdr:colOff>
                    <xdr:row>34</xdr:row>
                    <xdr:rowOff>152400</xdr:rowOff>
                  </from>
                  <to>
                    <xdr:col>5</xdr:col>
                    <xdr:colOff>335280</xdr:colOff>
                    <xdr:row>36</xdr:row>
                    <xdr:rowOff>53340</xdr:rowOff>
                  </to>
                </anchor>
              </controlPr>
            </control>
          </mc:Choice>
        </mc:AlternateContent>
        <mc:AlternateContent xmlns:mc="http://schemas.openxmlformats.org/markup-compatibility/2006">
          <mc:Choice Requires="x14">
            <control shapeId="63495" r:id="rId9" name="Check Box 7">
              <controlPr defaultSize="0" autoFill="0" autoLine="0" autoPict="0">
                <anchor moveWithCells="1">
                  <from>
                    <xdr:col>5</xdr:col>
                    <xdr:colOff>434340</xdr:colOff>
                    <xdr:row>35</xdr:row>
                    <xdr:rowOff>0</xdr:rowOff>
                  </from>
                  <to>
                    <xdr:col>7</xdr:col>
                    <xdr:colOff>297180</xdr:colOff>
                    <xdr:row>37</xdr:row>
                    <xdr:rowOff>0</xdr:rowOff>
                  </to>
                </anchor>
              </controlPr>
            </control>
          </mc:Choice>
        </mc:AlternateContent>
        <mc:AlternateContent xmlns:mc="http://schemas.openxmlformats.org/markup-compatibility/2006">
          <mc:Choice Requires="x14">
            <control shapeId="63496" r:id="rId10" name="Check Box 8">
              <controlPr defaultSize="0" autoFill="0" autoLine="0" autoPict="0">
                <anchor moveWithCells="1">
                  <from>
                    <xdr:col>1</xdr:col>
                    <xdr:colOff>175260</xdr:colOff>
                    <xdr:row>52</xdr:row>
                    <xdr:rowOff>22860</xdr:rowOff>
                  </from>
                  <to>
                    <xdr:col>1</xdr:col>
                    <xdr:colOff>617220</xdr:colOff>
                    <xdr:row>54</xdr:row>
                    <xdr:rowOff>53340</xdr:rowOff>
                  </to>
                </anchor>
              </controlPr>
            </control>
          </mc:Choice>
        </mc:AlternateContent>
        <mc:AlternateContent xmlns:mc="http://schemas.openxmlformats.org/markup-compatibility/2006">
          <mc:Choice Requires="x14">
            <control shapeId="63497" r:id="rId11" name="Check Box 9">
              <controlPr defaultSize="0" autoFill="0" autoLine="0" autoPict="0">
                <anchor moveWithCells="1">
                  <from>
                    <xdr:col>1</xdr:col>
                    <xdr:colOff>723900</xdr:colOff>
                    <xdr:row>52</xdr:row>
                    <xdr:rowOff>22860</xdr:rowOff>
                  </from>
                  <to>
                    <xdr:col>2</xdr:col>
                    <xdr:colOff>205740</xdr:colOff>
                    <xdr:row>54</xdr:row>
                    <xdr:rowOff>45720</xdr:rowOff>
                  </to>
                </anchor>
              </controlPr>
            </control>
          </mc:Choice>
        </mc:AlternateContent>
        <mc:AlternateContent xmlns:mc="http://schemas.openxmlformats.org/markup-compatibility/2006">
          <mc:Choice Requires="x14">
            <control shapeId="63500" r:id="rId12" name="Check Box 12">
              <controlPr defaultSize="0" autoFill="0" autoLine="0" autoPict="0">
                <anchor moveWithCells="1">
                  <from>
                    <xdr:col>2</xdr:col>
                    <xdr:colOff>601980</xdr:colOff>
                    <xdr:row>61</xdr:row>
                    <xdr:rowOff>99060</xdr:rowOff>
                  </from>
                  <to>
                    <xdr:col>2</xdr:col>
                    <xdr:colOff>1043940</xdr:colOff>
                    <xdr:row>63</xdr:row>
                    <xdr:rowOff>60960</xdr:rowOff>
                  </to>
                </anchor>
              </controlPr>
            </control>
          </mc:Choice>
        </mc:AlternateContent>
        <mc:AlternateContent xmlns:mc="http://schemas.openxmlformats.org/markup-compatibility/2006">
          <mc:Choice Requires="x14">
            <control shapeId="63501" r:id="rId13" name="Check Box 13">
              <controlPr defaultSize="0" autoFill="0" autoLine="0" autoPict="0">
                <anchor moveWithCells="1">
                  <from>
                    <xdr:col>2</xdr:col>
                    <xdr:colOff>1150620</xdr:colOff>
                    <xdr:row>61</xdr:row>
                    <xdr:rowOff>99060</xdr:rowOff>
                  </from>
                  <to>
                    <xdr:col>3</xdr:col>
                    <xdr:colOff>121920</xdr:colOff>
                    <xdr:row>63</xdr:row>
                    <xdr:rowOff>53340</xdr:rowOff>
                  </to>
                </anchor>
              </controlPr>
            </control>
          </mc:Choice>
        </mc:AlternateContent>
      </controls>
    </mc:Choice>
  </mc:AlternateContent>
</worksheet>
</file>

<file path=xl/worksheets/sheet2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pageSetUpPr fitToPage="1"/>
  </sheetPr>
  <dimension ref="A2:R37"/>
  <sheetViews>
    <sheetView view="pageBreakPreview" zoomScaleNormal="100" zoomScaleSheetLayoutView="100" workbookViewId="0"/>
  </sheetViews>
  <sheetFormatPr defaultColWidth="5" defaultRowHeight="13.2"/>
  <cols>
    <col min="1" max="1" width="3.5546875" style="444" customWidth="1"/>
    <col min="2" max="2" width="5" style="444" customWidth="1"/>
    <col min="3" max="3" width="5.77734375" style="444" customWidth="1"/>
    <col min="4" max="4" width="7.21875" style="444" customWidth="1"/>
    <col min="5" max="6" width="3.88671875" style="444" customWidth="1"/>
    <col min="7" max="7" width="4" style="444" customWidth="1"/>
    <col min="8" max="8" width="3.77734375" style="444" customWidth="1"/>
    <col min="9" max="10" width="3" style="444" customWidth="1"/>
    <col min="11" max="11" width="7.77734375" style="444" customWidth="1"/>
    <col min="12" max="12" width="8.5546875" style="444" bestFit="1" customWidth="1"/>
    <col min="13" max="13" width="4.33203125" style="444" customWidth="1"/>
    <col min="14" max="16" width="5" style="444" customWidth="1"/>
    <col min="17" max="17" width="18.21875" style="444" customWidth="1"/>
    <col min="18" max="18" width="6.5546875" style="444" customWidth="1"/>
    <col min="19" max="258" width="5" style="444"/>
    <col min="259" max="259" width="7" style="444" customWidth="1"/>
    <col min="260" max="260" width="5" style="444" customWidth="1"/>
    <col min="261" max="261" width="5.77734375" style="444" customWidth="1"/>
    <col min="262" max="262" width="7.21875" style="444" customWidth="1"/>
    <col min="263" max="264" width="3.88671875" style="444" customWidth="1"/>
    <col min="265" max="265" width="4" style="444" customWidth="1"/>
    <col min="266" max="266" width="3.77734375" style="444" customWidth="1"/>
    <col min="267" max="267" width="3" style="444" customWidth="1"/>
    <col min="268" max="268" width="7.77734375" style="444" customWidth="1"/>
    <col min="269" max="269" width="4.77734375" style="444" customWidth="1"/>
    <col min="270" max="270" width="4.33203125" style="444" customWidth="1"/>
    <col min="271" max="273" width="5" style="444" customWidth="1"/>
    <col min="274" max="274" width="21.21875" style="444" customWidth="1"/>
    <col min="275" max="514" width="5" style="444"/>
    <col min="515" max="515" width="7" style="444" customWidth="1"/>
    <col min="516" max="516" width="5" style="444" customWidth="1"/>
    <col min="517" max="517" width="5.77734375" style="444" customWidth="1"/>
    <col min="518" max="518" width="7.21875" style="444" customWidth="1"/>
    <col min="519" max="520" width="3.88671875" style="444" customWidth="1"/>
    <col min="521" max="521" width="4" style="444" customWidth="1"/>
    <col min="522" max="522" width="3.77734375" style="444" customWidth="1"/>
    <col min="523" max="523" width="3" style="444" customWidth="1"/>
    <col min="524" max="524" width="7.77734375" style="444" customWidth="1"/>
    <col min="525" max="525" width="4.77734375" style="444" customWidth="1"/>
    <col min="526" max="526" width="4.33203125" style="444" customWidth="1"/>
    <col min="527" max="529" width="5" style="444" customWidth="1"/>
    <col min="530" max="530" width="21.21875" style="444" customWidth="1"/>
    <col min="531" max="770" width="5" style="444"/>
    <col min="771" max="771" width="7" style="444" customWidth="1"/>
    <col min="772" max="772" width="5" style="444" customWidth="1"/>
    <col min="773" max="773" width="5.77734375" style="444" customWidth="1"/>
    <col min="774" max="774" width="7.21875" style="444" customWidth="1"/>
    <col min="775" max="776" width="3.88671875" style="444" customWidth="1"/>
    <col min="777" max="777" width="4" style="444" customWidth="1"/>
    <col min="778" max="778" width="3.77734375" style="444" customWidth="1"/>
    <col min="779" max="779" width="3" style="444" customWidth="1"/>
    <col min="780" max="780" width="7.77734375" style="444" customWidth="1"/>
    <col min="781" max="781" width="4.77734375" style="444" customWidth="1"/>
    <col min="782" max="782" width="4.33203125" style="444" customWidth="1"/>
    <col min="783" max="785" width="5" style="444" customWidth="1"/>
    <col min="786" max="786" width="21.21875" style="444" customWidth="1"/>
    <col min="787" max="1026" width="5" style="444"/>
    <col min="1027" max="1027" width="7" style="444" customWidth="1"/>
    <col min="1028" max="1028" width="5" style="444" customWidth="1"/>
    <col min="1029" max="1029" width="5.77734375" style="444" customWidth="1"/>
    <col min="1030" max="1030" width="7.21875" style="444" customWidth="1"/>
    <col min="1031" max="1032" width="3.88671875" style="444" customWidth="1"/>
    <col min="1033" max="1033" width="4" style="444" customWidth="1"/>
    <col min="1034" max="1034" width="3.77734375" style="444" customWidth="1"/>
    <col min="1035" max="1035" width="3" style="444" customWidth="1"/>
    <col min="1036" max="1036" width="7.77734375" style="444" customWidth="1"/>
    <col min="1037" max="1037" width="4.77734375" style="444" customWidth="1"/>
    <col min="1038" max="1038" width="4.33203125" style="444" customWidth="1"/>
    <col min="1039" max="1041" width="5" style="444" customWidth="1"/>
    <col min="1042" max="1042" width="21.21875" style="444" customWidth="1"/>
    <col min="1043" max="1282" width="5" style="444"/>
    <col min="1283" max="1283" width="7" style="444" customWidth="1"/>
    <col min="1284" max="1284" width="5" style="444" customWidth="1"/>
    <col min="1285" max="1285" width="5.77734375" style="444" customWidth="1"/>
    <col min="1286" max="1286" width="7.21875" style="444" customWidth="1"/>
    <col min="1287" max="1288" width="3.88671875" style="444" customWidth="1"/>
    <col min="1289" max="1289" width="4" style="444" customWidth="1"/>
    <col min="1290" max="1290" width="3.77734375" style="444" customWidth="1"/>
    <col min="1291" max="1291" width="3" style="444" customWidth="1"/>
    <col min="1292" max="1292" width="7.77734375" style="444" customWidth="1"/>
    <col min="1293" max="1293" width="4.77734375" style="444" customWidth="1"/>
    <col min="1294" max="1294" width="4.33203125" style="444" customWidth="1"/>
    <col min="1295" max="1297" width="5" style="444" customWidth="1"/>
    <col min="1298" max="1298" width="21.21875" style="444" customWidth="1"/>
    <col min="1299" max="1538" width="5" style="444"/>
    <col min="1539" max="1539" width="7" style="444" customWidth="1"/>
    <col min="1540" max="1540" width="5" style="444" customWidth="1"/>
    <col min="1541" max="1541" width="5.77734375" style="444" customWidth="1"/>
    <col min="1542" max="1542" width="7.21875" style="444" customWidth="1"/>
    <col min="1543" max="1544" width="3.88671875" style="444" customWidth="1"/>
    <col min="1545" max="1545" width="4" style="444" customWidth="1"/>
    <col min="1546" max="1546" width="3.77734375" style="444" customWidth="1"/>
    <col min="1547" max="1547" width="3" style="444" customWidth="1"/>
    <col min="1548" max="1548" width="7.77734375" style="444" customWidth="1"/>
    <col min="1549" max="1549" width="4.77734375" style="444" customWidth="1"/>
    <col min="1550" max="1550" width="4.33203125" style="444" customWidth="1"/>
    <col min="1551" max="1553" width="5" style="444" customWidth="1"/>
    <col min="1554" max="1554" width="21.21875" style="444" customWidth="1"/>
    <col min="1555" max="1794" width="5" style="444"/>
    <col min="1795" max="1795" width="7" style="444" customWidth="1"/>
    <col min="1796" max="1796" width="5" style="444" customWidth="1"/>
    <col min="1797" max="1797" width="5.77734375" style="444" customWidth="1"/>
    <col min="1798" max="1798" width="7.21875" style="444" customWidth="1"/>
    <col min="1799" max="1800" width="3.88671875" style="444" customWidth="1"/>
    <col min="1801" max="1801" width="4" style="444" customWidth="1"/>
    <col min="1802" max="1802" width="3.77734375" style="444" customWidth="1"/>
    <col min="1803" max="1803" width="3" style="444" customWidth="1"/>
    <col min="1804" max="1804" width="7.77734375" style="444" customWidth="1"/>
    <col min="1805" max="1805" width="4.77734375" style="444" customWidth="1"/>
    <col min="1806" max="1806" width="4.33203125" style="444" customWidth="1"/>
    <col min="1807" max="1809" width="5" style="444" customWidth="1"/>
    <col min="1810" max="1810" width="21.21875" style="444" customWidth="1"/>
    <col min="1811" max="2050" width="5" style="444"/>
    <col min="2051" max="2051" width="7" style="444" customWidth="1"/>
    <col min="2052" max="2052" width="5" style="444" customWidth="1"/>
    <col min="2053" max="2053" width="5.77734375" style="444" customWidth="1"/>
    <col min="2054" max="2054" width="7.21875" style="444" customWidth="1"/>
    <col min="2055" max="2056" width="3.88671875" style="444" customWidth="1"/>
    <col min="2057" max="2057" width="4" style="444" customWidth="1"/>
    <col min="2058" max="2058" width="3.77734375" style="444" customWidth="1"/>
    <col min="2059" max="2059" width="3" style="444" customWidth="1"/>
    <col min="2060" max="2060" width="7.77734375" style="444" customWidth="1"/>
    <col min="2061" max="2061" width="4.77734375" style="444" customWidth="1"/>
    <col min="2062" max="2062" width="4.33203125" style="444" customWidth="1"/>
    <col min="2063" max="2065" width="5" style="444" customWidth="1"/>
    <col min="2066" max="2066" width="21.21875" style="444" customWidth="1"/>
    <col min="2067" max="2306" width="5" style="444"/>
    <col min="2307" max="2307" width="7" style="444" customWidth="1"/>
    <col min="2308" max="2308" width="5" style="444" customWidth="1"/>
    <col min="2309" max="2309" width="5.77734375" style="444" customWidth="1"/>
    <col min="2310" max="2310" width="7.21875" style="444" customWidth="1"/>
    <col min="2311" max="2312" width="3.88671875" style="444" customWidth="1"/>
    <col min="2313" max="2313" width="4" style="444" customWidth="1"/>
    <col min="2314" max="2314" width="3.77734375" style="444" customWidth="1"/>
    <col min="2315" max="2315" width="3" style="444" customWidth="1"/>
    <col min="2316" max="2316" width="7.77734375" style="444" customWidth="1"/>
    <col min="2317" max="2317" width="4.77734375" style="444" customWidth="1"/>
    <col min="2318" max="2318" width="4.33203125" style="444" customWidth="1"/>
    <col min="2319" max="2321" width="5" style="444" customWidth="1"/>
    <col min="2322" max="2322" width="21.21875" style="444" customWidth="1"/>
    <col min="2323" max="2562" width="5" style="444"/>
    <col min="2563" max="2563" width="7" style="444" customWidth="1"/>
    <col min="2564" max="2564" width="5" style="444" customWidth="1"/>
    <col min="2565" max="2565" width="5.77734375" style="444" customWidth="1"/>
    <col min="2566" max="2566" width="7.21875" style="444" customWidth="1"/>
    <col min="2567" max="2568" width="3.88671875" style="444" customWidth="1"/>
    <col min="2569" max="2569" width="4" style="444" customWidth="1"/>
    <col min="2570" max="2570" width="3.77734375" style="444" customWidth="1"/>
    <col min="2571" max="2571" width="3" style="444" customWidth="1"/>
    <col min="2572" max="2572" width="7.77734375" style="444" customWidth="1"/>
    <col min="2573" max="2573" width="4.77734375" style="444" customWidth="1"/>
    <col min="2574" max="2574" width="4.33203125" style="444" customWidth="1"/>
    <col min="2575" max="2577" width="5" style="444" customWidth="1"/>
    <col min="2578" max="2578" width="21.21875" style="444" customWidth="1"/>
    <col min="2579" max="2818" width="5" style="444"/>
    <col min="2819" max="2819" width="7" style="444" customWidth="1"/>
    <col min="2820" max="2820" width="5" style="444" customWidth="1"/>
    <col min="2821" max="2821" width="5.77734375" style="444" customWidth="1"/>
    <col min="2822" max="2822" width="7.21875" style="444" customWidth="1"/>
    <col min="2823" max="2824" width="3.88671875" style="444" customWidth="1"/>
    <col min="2825" max="2825" width="4" style="444" customWidth="1"/>
    <col min="2826" max="2826" width="3.77734375" style="444" customWidth="1"/>
    <col min="2827" max="2827" width="3" style="444" customWidth="1"/>
    <col min="2828" max="2828" width="7.77734375" style="444" customWidth="1"/>
    <col min="2829" max="2829" width="4.77734375" style="444" customWidth="1"/>
    <col min="2830" max="2830" width="4.33203125" style="444" customWidth="1"/>
    <col min="2831" max="2833" width="5" style="444" customWidth="1"/>
    <col min="2834" max="2834" width="21.21875" style="444" customWidth="1"/>
    <col min="2835" max="3074" width="5" style="444"/>
    <col min="3075" max="3075" width="7" style="444" customWidth="1"/>
    <col min="3076" max="3076" width="5" style="444" customWidth="1"/>
    <col min="3077" max="3077" width="5.77734375" style="444" customWidth="1"/>
    <col min="3078" max="3078" width="7.21875" style="444" customWidth="1"/>
    <col min="3079" max="3080" width="3.88671875" style="444" customWidth="1"/>
    <col min="3081" max="3081" width="4" style="444" customWidth="1"/>
    <col min="3082" max="3082" width="3.77734375" style="444" customWidth="1"/>
    <col min="3083" max="3083" width="3" style="444" customWidth="1"/>
    <col min="3084" max="3084" width="7.77734375" style="444" customWidth="1"/>
    <col min="3085" max="3085" width="4.77734375" style="444" customWidth="1"/>
    <col min="3086" max="3086" width="4.33203125" style="444" customWidth="1"/>
    <col min="3087" max="3089" width="5" style="444" customWidth="1"/>
    <col min="3090" max="3090" width="21.21875" style="444" customWidth="1"/>
    <col min="3091" max="3330" width="5" style="444"/>
    <col min="3331" max="3331" width="7" style="444" customWidth="1"/>
    <col min="3332" max="3332" width="5" style="444" customWidth="1"/>
    <col min="3333" max="3333" width="5.77734375" style="444" customWidth="1"/>
    <col min="3334" max="3334" width="7.21875" style="444" customWidth="1"/>
    <col min="3335" max="3336" width="3.88671875" style="444" customWidth="1"/>
    <col min="3337" max="3337" width="4" style="444" customWidth="1"/>
    <col min="3338" max="3338" width="3.77734375" style="444" customWidth="1"/>
    <col min="3339" max="3339" width="3" style="444" customWidth="1"/>
    <col min="3340" max="3340" width="7.77734375" style="444" customWidth="1"/>
    <col min="3341" max="3341" width="4.77734375" style="444" customWidth="1"/>
    <col min="3342" max="3342" width="4.33203125" style="444" customWidth="1"/>
    <col min="3343" max="3345" width="5" style="444" customWidth="1"/>
    <col min="3346" max="3346" width="21.21875" style="444" customWidth="1"/>
    <col min="3347" max="3586" width="5" style="444"/>
    <col min="3587" max="3587" width="7" style="444" customWidth="1"/>
    <col min="3588" max="3588" width="5" style="444" customWidth="1"/>
    <col min="3589" max="3589" width="5.77734375" style="444" customWidth="1"/>
    <col min="3590" max="3590" width="7.21875" style="444" customWidth="1"/>
    <col min="3591" max="3592" width="3.88671875" style="444" customWidth="1"/>
    <col min="3593" max="3593" width="4" style="444" customWidth="1"/>
    <col min="3594" max="3594" width="3.77734375" style="444" customWidth="1"/>
    <col min="3595" max="3595" width="3" style="444" customWidth="1"/>
    <col min="3596" max="3596" width="7.77734375" style="444" customWidth="1"/>
    <col min="3597" max="3597" width="4.77734375" style="444" customWidth="1"/>
    <col min="3598" max="3598" width="4.33203125" style="444" customWidth="1"/>
    <col min="3599" max="3601" width="5" style="444" customWidth="1"/>
    <col min="3602" max="3602" width="21.21875" style="444" customWidth="1"/>
    <col min="3603" max="3842" width="5" style="444"/>
    <col min="3843" max="3843" width="7" style="444" customWidth="1"/>
    <col min="3844" max="3844" width="5" style="444" customWidth="1"/>
    <col min="3845" max="3845" width="5.77734375" style="444" customWidth="1"/>
    <col min="3846" max="3846" width="7.21875" style="444" customWidth="1"/>
    <col min="3847" max="3848" width="3.88671875" style="444" customWidth="1"/>
    <col min="3849" max="3849" width="4" style="444" customWidth="1"/>
    <col min="3850" max="3850" width="3.77734375" style="444" customWidth="1"/>
    <col min="3851" max="3851" width="3" style="444" customWidth="1"/>
    <col min="3852" max="3852" width="7.77734375" style="444" customWidth="1"/>
    <col min="3853" max="3853" width="4.77734375" style="444" customWidth="1"/>
    <col min="3854" max="3854" width="4.33203125" style="444" customWidth="1"/>
    <col min="3855" max="3857" width="5" style="444" customWidth="1"/>
    <col min="3858" max="3858" width="21.21875" style="444" customWidth="1"/>
    <col min="3859" max="4098" width="5" style="444"/>
    <col min="4099" max="4099" width="7" style="444" customWidth="1"/>
    <col min="4100" max="4100" width="5" style="444" customWidth="1"/>
    <col min="4101" max="4101" width="5.77734375" style="444" customWidth="1"/>
    <col min="4102" max="4102" width="7.21875" style="444" customWidth="1"/>
    <col min="4103" max="4104" width="3.88671875" style="444" customWidth="1"/>
    <col min="4105" max="4105" width="4" style="444" customWidth="1"/>
    <col min="4106" max="4106" width="3.77734375" style="444" customWidth="1"/>
    <col min="4107" max="4107" width="3" style="444" customWidth="1"/>
    <col min="4108" max="4108" width="7.77734375" style="444" customWidth="1"/>
    <col min="4109" max="4109" width="4.77734375" style="444" customWidth="1"/>
    <col min="4110" max="4110" width="4.33203125" style="444" customWidth="1"/>
    <col min="4111" max="4113" width="5" style="444" customWidth="1"/>
    <col min="4114" max="4114" width="21.21875" style="444" customWidth="1"/>
    <col min="4115" max="4354" width="5" style="444"/>
    <col min="4355" max="4355" width="7" style="444" customWidth="1"/>
    <col min="4356" max="4356" width="5" style="444" customWidth="1"/>
    <col min="4357" max="4357" width="5.77734375" style="444" customWidth="1"/>
    <col min="4358" max="4358" width="7.21875" style="444" customWidth="1"/>
    <col min="4359" max="4360" width="3.88671875" style="444" customWidth="1"/>
    <col min="4361" max="4361" width="4" style="444" customWidth="1"/>
    <col min="4362" max="4362" width="3.77734375" style="444" customWidth="1"/>
    <col min="4363" max="4363" width="3" style="444" customWidth="1"/>
    <col min="4364" max="4364" width="7.77734375" style="444" customWidth="1"/>
    <col min="4365" max="4365" width="4.77734375" style="444" customWidth="1"/>
    <col min="4366" max="4366" width="4.33203125" style="444" customWidth="1"/>
    <col min="4367" max="4369" width="5" style="444" customWidth="1"/>
    <col min="4370" max="4370" width="21.21875" style="444" customWidth="1"/>
    <col min="4371" max="4610" width="5" style="444"/>
    <col min="4611" max="4611" width="7" style="444" customWidth="1"/>
    <col min="4612" max="4612" width="5" style="444" customWidth="1"/>
    <col min="4613" max="4613" width="5.77734375" style="444" customWidth="1"/>
    <col min="4614" max="4614" width="7.21875" style="444" customWidth="1"/>
    <col min="4615" max="4616" width="3.88671875" style="444" customWidth="1"/>
    <col min="4617" max="4617" width="4" style="444" customWidth="1"/>
    <col min="4618" max="4618" width="3.77734375" style="444" customWidth="1"/>
    <col min="4619" max="4619" width="3" style="444" customWidth="1"/>
    <col min="4620" max="4620" width="7.77734375" style="444" customWidth="1"/>
    <col min="4621" max="4621" width="4.77734375" style="444" customWidth="1"/>
    <col min="4622" max="4622" width="4.33203125" style="444" customWidth="1"/>
    <col min="4623" max="4625" width="5" style="444" customWidth="1"/>
    <col min="4626" max="4626" width="21.21875" style="444" customWidth="1"/>
    <col min="4627" max="4866" width="5" style="444"/>
    <col min="4867" max="4867" width="7" style="444" customWidth="1"/>
    <col min="4868" max="4868" width="5" style="444" customWidth="1"/>
    <col min="4869" max="4869" width="5.77734375" style="444" customWidth="1"/>
    <col min="4870" max="4870" width="7.21875" style="444" customWidth="1"/>
    <col min="4871" max="4872" width="3.88671875" style="444" customWidth="1"/>
    <col min="4873" max="4873" width="4" style="444" customWidth="1"/>
    <col min="4874" max="4874" width="3.77734375" style="444" customWidth="1"/>
    <col min="4875" max="4875" width="3" style="444" customWidth="1"/>
    <col min="4876" max="4876" width="7.77734375" style="444" customWidth="1"/>
    <col min="4877" max="4877" width="4.77734375" style="444" customWidth="1"/>
    <col min="4878" max="4878" width="4.33203125" style="444" customWidth="1"/>
    <col min="4879" max="4881" width="5" style="444" customWidth="1"/>
    <col min="4882" max="4882" width="21.21875" style="444" customWidth="1"/>
    <col min="4883" max="5122" width="5" style="444"/>
    <col min="5123" max="5123" width="7" style="444" customWidth="1"/>
    <col min="5124" max="5124" width="5" style="444" customWidth="1"/>
    <col min="5125" max="5125" width="5.77734375" style="444" customWidth="1"/>
    <col min="5126" max="5126" width="7.21875" style="444" customWidth="1"/>
    <col min="5127" max="5128" width="3.88671875" style="444" customWidth="1"/>
    <col min="5129" max="5129" width="4" style="444" customWidth="1"/>
    <col min="5130" max="5130" width="3.77734375" style="444" customWidth="1"/>
    <col min="5131" max="5131" width="3" style="444" customWidth="1"/>
    <col min="5132" max="5132" width="7.77734375" style="444" customWidth="1"/>
    <col min="5133" max="5133" width="4.77734375" style="444" customWidth="1"/>
    <col min="5134" max="5134" width="4.33203125" style="444" customWidth="1"/>
    <col min="5135" max="5137" width="5" style="444" customWidth="1"/>
    <col min="5138" max="5138" width="21.21875" style="444" customWidth="1"/>
    <col min="5139" max="5378" width="5" style="444"/>
    <col min="5379" max="5379" width="7" style="444" customWidth="1"/>
    <col min="5380" max="5380" width="5" style="444" customWidth="1"/>
    <col min="5381" max="5381" width="5.77734375" style="444" customWidth="1"/>
    <col min="5382" max="5382" width="7.21875" style="444" customWidth="1"/>
    <col min="5383" max="5384" width="3.88671875" style="444" customWidth="1"/>
    <col min="5385" max="5385" width="4" style="444" customWidth="1"/>
    <col min="5386" max="5386" width="3.77734375" style="444" customWidth="1"/>
    <col min="5387" max="5387" width="3" style="444" customWidth="1"/>
    <col min="5388" max="5388" width="7.77734375" style="444" customWidth="1"/>
    <col min="5389" max="5389" width="4.77734375" style="444" customWidth="1"/>
    <col min="5390" max="5390" width="4.33203125" style="444" customWidth="1"/>
    <col min="5391" max="5393" width="5" style="444" customWidth="1"/>
    <col min="5394" max="5394" width="21.21875" style="444" customWidth="1"/>
    <col min="5395" max="5634" width="5" style="444"/>
    <col min="5635" max="5635" width="7" style="444" customWidth="1"/>
    <col min="5636" max="5636" width="5" style="444" customWidth="1"/>
    <col min="5637" max="5637" width="5.77734375" style="444" customWidth="1"/>
    <col min="5638" max="5638" width="7.21875" style="444" customWidth="1"/>
    <col min="5639" max="5640" width="3.88671875" style="444" customWidth="1"/>
    <col min="5641" max="5641" width="4" style="444" customWidth="1"/>
    <col min="5642" max="5642" width="3.77734375" style="444" customWidth="1"/>
    <col min="5643" max="5643" width="3" style="444" customWidth="1"/>
    <col min="5644" max="5644" width="7.77734375" style="444" customWidth="1"/>
    <col min="5645" max="5645" width="4.77734375" style="444" customWidth="1"/>
    <col min="5646" max="5646" width="4.33203125" style="444" customWidth="1"/>
    <col min="5647" max="5649" width="5" style="444" customWidth="1"/>
    <col min="5650" max="5650" width="21.21875" style="444" customWidth="1"/>
    <col min="5651" max="5890" width="5" style="444"/>
    <col min="5891" max="5891" width="7" style="444" customWidth="1"/>
    <col min="5892" max="5892" width="5" style="444" customWidth="1"/>
    <col min="5893" max="5893" width="5.77734375" style="444" customWidth="1"/>
    <col min="5894" max="5894" width="7.21875" style="444" customWidth="1"/>
    <col min="5895" max="5896" width="3.88671875" style="444" customWidth="1"/>
    <col min="5897" max="5897" width="4" style="444" customWidth="1"/>
    <col min="5898" max="5898" width="3.77734375" style="444" customWidth="1"/>
    <col min="5899" max="5899" width="3" style="444" customWidth="1"/>
    <col min="5900" max="5900" width="7.77734375" style="444" customWidth="1"/>
    <col min="5901" max="5901" width="4.77734375" style="444" customWidth="1"/>
    <col min="5902" max="5902" width="4.33203125" style="444" customWidth="1"/>
    <col min="5903" max="5905" width="5" style="444" customWidth="1"/>
    <col min="5906" max="5906" width="21.21875" style="444" customWidth="1"/>
    <col min="5907" max="6146" width="5" style="444"/>
    <col min="6147" max="6147" width="7" style="444" customWidth="1"/>
    <col min="6148" max="6148" width="5" style="444" customWidth="1"/>
    <col min="6149" max="6149" width="5.77734375" style="444" customWidth="1"/>
    <col min="6150" max="6150" width="7.21875" style="444" customWidth="1"/>
    <col min="6151" max="6152" width="3.88671875" style="444" customWidth="1"/>
    <col min="6153" max="6153" width="4" style="444" customWidth="1"/>
    <col min="6154" max="6154" width="3.77734375" style="444" customWidth="1"/>
    <col min="6155" max="6155" width="3" style="444" customWidth="1"/>
    <col min="6156" max="6156" width="7.77734375" style="444" customWidth="1"/>
    <col min="6157" max="6157" width="4.77734375" style="444" customWidth="1"/>
    <col min="6158" max="6158" width="4.33203125" style="444" customWidth="1"/>
    <col min="6159" max="6161" width="5" style="444" customWidth="1"/>
    <col min="6162" max="6162" width="21.21875" style="444" customWidth="1"/>
    <col min="6163" max="6402" width="5" style="444"/>
    <col min="6403" max="6403" width="7" style="444" customWidth="1"/>
    <col min="6404" max="6404" width="5" style="444" customWidth="1"/>
    <col min="6405" max="6405" width="5.77734375" style="444" customWidth="1"/>
    <col min="6406" max="6406" width="7.21875" style="444" customWidth="1"/>
    <col min="6407" max="6408" width="3.88671875" style="444" customWidth="1"/>
    <col min="6409" max="6409" width="4" style="444" customWidth="1"/>
    <col min="6410" max="6410" width="3.77734375" style="444" customWidth="1"/>
    <col min="6411" max="6411" width="3" style="444" customWidth="1"/>
    <col min="6412" max="6412" width="7.77734375" style="444" customWidth="1"/>
    <col min="6413" max="6413" width="4.77734375" style="444" customWidth="1"/>
    <col min="6414" max="6414" width="4.33203125" style="444" customWidth="1"/>
    <col min="6415" max="6417" width="5" style="444" customWidth="1"/>
    <col min="6418" max="6418" width="21.21875" style="444" customWidth="1"/>
    <col min="6419" max="6658" width="5" style="444"/>
    <col min="6659" max="6659" width="7" style="444" customWidth="1"/>
    <col min="6660" max="6660" width="5" style="444" customWidth="1"/>
    <col min="6661" max="6661" width="5.77734375" style="444" customWidth="1"/>
    <col min="6662" max="6662" width="7.21875" style="444" customWidth="1"/>
    <col min="6663" max="6664" width="3.88671875" style="444" customWidth="1"/>
    <col min="6665" max="6665" width="4" style="444" customWidth="1"/>
    <col min="6666" max="6666" width="3.77734375" style="444" customWidth="1"/>
    <col min="6667" max="6667" width="3" style="444" customWidth="1"/>
    <col min="6668" max="6668" width="7.77734375" style="444" customWidth="1"/>
    <col min="6669" max="6669" width="4.77734375" style="444" customWidth="1"/>
    <col min="6670" max="6670" width="4.33203125" style="444" customWidth="1"/>
    <col min="6671" max="6673" width="5" style="444" customWidth="1"/>
    <col min="6674" max="6674" width="21.21875" style="444" customWidth="1"/>
    <col min="6675" max="6914" width="5" style="444"/>
    <col min="6915" max="6915" width="7" style="444" customWidth="1"/>
    <col min="6916" max="6916" width="5" style="444" customWidth="1"/>
    <col min="6917" max="6917" width="5.77734375" style="444" customWidth="1"/>
    <col min="6918" max="6918" width="7.21875" style="444" customWidth="1"/>
    <col min="6919" max="6920" width="3.88671875" style="444" customWidth="1"/>
    <col min="6921" max="6921" width="4" style="444" customWidth="1"/>
    <col min="6922" max="6922" width="3.77734375" style="444" customWidth="1"/>
    <col min="6923" max="6923" width="3" style="444" customWidth="1"/>
    <col min="6924" max="6924" width="7.77734375" style="444" customWidth="1"/>
    <col min="6925" max="6925" width="4.77734375" style="444" customWidth="1"/>
    <col min="6926" max="6926" width="4.33203125" style="444" customWidth="1"/>
    <col min="6927" max="6929" width="5" style="444" customWidth="1"/>
    <col min="6930" max="6930" width="21.21875" style="444" customWidth="1"/>
    <col min="6931" max="7170" width="5" style="444"/>
    <col min="7171" max="7171" width="7" style="444" customWidth="1"/>
    <col min="7172" max="7172" width="5" style="444" customWidth="1"/>
    <col min="7173" max="7173" width="5.77734375" style="444" customWidth="1"/>
    <col min="7174" max="7174" width="7.21875" style="444" customWidth="1"/>
    <col min="7175" max="7176" width="3.88671875" style="444" customWidth="1"/>
    <col min="7177" max="7177" width="4" style="444" customWidth="1"/>
    <col min="7178" max="7178" width="3.77734375" style="444" customWidth="1"/>
    <col min="7179" max="7179" width="3" style="444" customWidth="1"/>
    <col min="7180" max="7180" width="7.77734375" style="444" customWidth="1"/>
    <col min="7181" max="7181" width="4.77734375" style="444" customWidth="1"/>
    <col min="7182" max="7182" width="4.33203125" style="444" customWidth="1"/>
    <col min="7183" max="7185" width="5" style="444" customWidth="1"/>
    <col min="7186" max="7186" width="21.21875" style="444" customWidth="1"/>
    <col min="7187" max="7426" width="5" style="444"/>
    <col min="7427" max="7427" width="7" style="444" customWidth="1"/>
    <col min="7428" max="7428" width="5" style="444" customWidth="1"/>
    <col min="7429" max="7429" width="5.77734375" style="444" customWidth="1"/>
    <col min="7430" max="7430" width="7.21875" style="444" customWidth="1"/>
    <col min="7431" max="7432" width="3.88671875" style="444" customWidth="1"/>
    <col min="7433" max="7433" width="4" style="444" customWidth="1"/>
    <col min="7434" max="7434" width="3.77734375" style="444" customWidth="1"/>
    <col min="7435" max="7435" width="3" style="444" customWidth="1"/>
    <col min="7436" max="7436" width="7.77734375" style="444" customWidth="1"/>
    <col min="7437" max="7437" width="4.77734375" style="444" customWidth="1"/>
    <col min="7438" max="7438" width="4.33203125" style="444" customWidth="1"/>
    <col min="7439" max="7441" width="5" style="444" customWidth="1"/>
    <col min="7442" max="7442" width="21.21875" style="444" customWidth="1"/>
    <col min="7443" max="7682" width="5" style="444"/>
    <col min="7683" max="7683" width="7" style="444" customWidth="1"/>
    <col min="7684" max="7684" width="5" style="444" customWidth="1"/>
    <col min="7685" max="7685" width="5.77734375" style="444" customWidth="1"/>
    <col min="7686" max="7686" width="7.21875" style="444" customWidth="1"/>
    <col min="7687" max="7688" width="3.88671875" style="444" customWidth="1"/>
    <col min="7689" max="7689" width="4" style="444" customWidth="1"/>
    <col min="7690" max="7690" width="3.77734375" style="444" customWidth="1"/>
    <col min="7691" max="7691" width="3" style="444" customWidth="1"/>
    <col min="7692" max="7692" width="7.77734375" style="444" customWidth="1"/>
    <col min="7693" max="7693" width="4.77734375" style="444" customWidth="1"/>
    <col min="7694" max="7694" width="4.33203125" style="444" customWidth="1"/>
    <col min="7695" max="7697" width="5" style="444" customWidth="1"/>
    <col min="7698" max="7698" width="21.21875" style="444" customWidth="1"/>
    <col min="7699" max="7938" width="5" style="444"/>
    <col min="7939" max="7939" width="7" style="444" customWidth="1"/>
    <col min="7940" max="7940" width="5" style="444" customWidth="1"/>
    <col min="7941" max="7941" width="5.77734375" style="444" customWidth="1"/>
    <col min="7942" max="7942" width="7.21875" style="444" customWidth="1"/>
    <col min="7943" max="7944" width="3.88671875" style="444" customWidth="1"/>
    <col min="7945" max="7945" width="4" style="444" customWidth="1"/>
    <col min="7946" max="7946" width="3.77734375" style="444" customWidth="1"/>
    <col min="7947" max="7947" width="3" style="444" customWidth="1"/>
    <col min="7948" max="7948" width="7.77734375" style="444" customWidth="1"/>
    <col min="7949" max="7949" width="4.77734375" style="444" customWidth="1"/>
    <col min="7950" max="7950" width="4.33203125" style="444" customWidth="1"/>
    <col min="7951" max="7953" width="5" style="444" customWidth="1"/>
    <col min="7954" max="7954" width="21.21875" style="444" customWidth="1"/>
    <col min="7955" max="8194" width="5" style="444"/>
    <col min="8195" max="8195" width="7" style="444" customWidth="1"/>
    <col min="8196" max="8196" width="5" style="444" customWidth="1"/>
    <col min="8197" max="8197" width="5.77734375" style="444" customWidth="1"/>
    <col min="8198" max="8198" width="7.21875" style="444" customWidth="1"/>
    <col min="8199" max="8200" width="3.88671875" style="444" customWidth="1"/>
    <col min="8201" max="8201" width="4" style="444" customWidth="1"/>
    <col min="8202" max="8202" width="3.77734375" style="444" customWidth="1"/>
    <col min="8203" max="8203" width="3" style="444" customWidth="1"/>
    <col min="8204" max="8204" width="7.77734375" style="444" customWidth="1"/>
    <col min="8205" max="8205" width="4.77734375" style="444" customWidth="1"/>
    <col min="8206" max="8206" width="4.33203125" style="444" customWidth="1"/>
    <col min="8207" max="8209" width="5" style="444" customWidth="1"/>
    <col min="8210" max="8210" width="21.21875" style="444" customWidth="1"/>
    <col min="8211" max="8450" width="5" style="444"/>
    <col min="8451" max="8451" width="7" style="444" customWidth="1"/>
    <col min="8452" max="8452" width="5" style="444" customWidth="1"/>
    <col min="8453" max="8453" width="5.77734375" style="444" customWidth="1"/>
    <col min="8454" max="8454" width="7.21875" style="444" customWidth="1"/>
    <col min="8455" max="8456" width="3.88671875" style="444" customWidth="1"/>
    <col min="8457" max="8457" width="4" style="444" customWidth="1"/>
    <col min="8458" max="8458" width="3.77734375" style="444" customWidth="1"/>
    <col min="8459" max="8459" width="3" style="444" customWidth="1"/>
    <col min="8460" max="8460" width="7.77734375" style="444" customWidth="1"/>
    <col min="8461" max="8461" width="4.77734375" style="444" customWidth="1"/>
    <col min="8462" max="8462" width="4.33203125" style="444" customWidth="1"/>
    <col min="8463" max="8465" width="5" style="444" customWidth="1"/>
    <col min="8466" max="8466" width="21.21875" style="444" customWidth="1"/>
    <col min="8467" max="8706" width="5" style="444"/>
    <col min="8707" max="8707" width="7" style="444" customWidth="1"/>
    <col min="8708" max="8708" width="5" style="444" customWidth="1"/>
    <col min="8709" max="8709" width="5.77734375" style="444" customWidth="1"/>
    <col min="8710" max="8710" width="7.21875" style="444" customWidth="1"/>
    <col min="8711" max="8712" width="3.88671875" style="444" customWidth="1"/>
    <col min="8713" max="8713" width="4" style="444" customWidth="1"/>
    <col min="8714" max="8714" width="3.77734375" style="444" customWidth="1"/>
    <col min="8715" max="8715" width="3" style="444" customWidth="1"/>
    <col min="8716" max="8716" width="7.77734375" style="444" customWidth="1"/>
    <col min="8717" max="8717" width="4.77734375" style="444" customWidth="1"/>
    <col min="8718" max="8718" width="4.33203125" style="444" customWidth="1"/>
    <col min="8719" max="8721" width="5" style="444" customWidth="1"/>
    <col min="8722" max="8722" width="21.21875" style="444" customWidth="1"/>
    <col min="8723" max="8962" width="5" style="444"/>
    <col min="8963" max="8963" width="7" style="444" customWidth="1"/>
    <col min="8964" max="8964" width="5" style="444" customWidth="1"/>
    <col min="8965" max="8965" width="5.77734375" style="444" customWidth="1"/>
    <col min="8966" max="8966" width="7.21875" style="444" customWidth="1"/>
    <col min="8967" max="8968" width="3.88671875" style="444" customWidth="1"/>
    <col min="8969" max="8969" width="4" style="444" customWidth="1"/>
    <col min="8970" max="8970" width="3.77734375" style="444" customWidth="1"/>
    <col min="8971" max="8971" width="3" style="444" customWidth="1"/>
    <col min="8972" max="8972" width="7.77734375" style="444" customWidth="1"/>
    <col min="8973" max="8973" width="4.77734375" style="444" customWidth="1"/>
    <col min="8974" max="8974" width="4.33203125" style="444" customWidth="1"/>
    <col min="8975" max="8977" width="5" style="444" customWidth="1"/>
    <col min="8978" max="8978" width="21.21875" style="444" customWidth="1"/>
    <col min="8979" max="9218" width="5" style="444"/>
    <col min="9219" max="9219" width="7" style="444" customWidth="1"/>
    <col min="9220" max="9220" width="5" style="444" customWidth="1"/>
    <col min="9221" max="9221" width="5.77734375" style="444" customWidth="1"/>
    <col min="9222" max="9222" width="7.21875" style="444" customWidth="1"/>
    <col min="9223" max="9224" width="3.88671875" style="444" customWidth="1"/>
    <col min="9225" max="9225" width="4" style="444" customWidth="1"/>
    <col min="9226" max="9226" width="3.77734375" style="444" customWidth="1"/>
    <col min="9227" max="9227" width="3" style="444" customWidth="1"/>
    <col min="9228" max="9228" width="7.77734375" style="444" customWidth="1"/>
    <col min="9229" max="9229" width="4.77734375" style="444" customWidth="1"/>
    <col min="9230" max="9230" width="4.33203125" style="444" customWidth="1"/>
    <col min="9231" max="9233" width="5" style="444" customWidth="1"/>
    <col min="9234" max="9234" width="21.21875" style="444" customWidth="1"/>
    <col min="9235" max="9474" width="5" style="444"/>
    <col min="9475" max="9475" width="7" style="444" customWidth="1"/>
    <col min="9476" max="9476" width="5" style="444" customWidth="1"/>
    <col min="9477" max="9477" width="5.77734375" style="444" customWidth="1"/>
    <col min="9478" max="9478" width="7.21875" style="444" customWidth="1"/>
    <col min="9479" max="9480" width="3.88671875" style="444" customWidth="1"/>
    <col min="9481" max="9481" width="4" style="444" customWidth="1"/>
    <col min="9482" max="9482" width="3.77734375" style="444" customWidth="1"/>
    <col min="9483" max="9483" width="3" style="444" customWidth="1"/>
    <col min="9484" max="9484" width="7.77734375" style="444" customWidth="1"/>
    <col min="9485" max="9485" width="4.77734375" style="444" customWidth="1"/>
    <col min="9486" max="9486" width="4.33203125" style="444" customWidth="1"/>
    <col min="9487" max="9489" width="5" style="444" customWidth="1"/>
    <col min="9490" max="9490" width="21.21875" style="444" customWidth="1"/>
    <col min="9491" max="9730" width="5" style="444"/>
    <col min="9731" max="9731" width="7" style="444" customWidth="1"/>
    <col min="9732" max="9732" width="5" style="444" customWidth="1"/>
    <col min="9733" max="9733" width="5.77734375" style="444" customWidth="1"/>
    <col min="9734" max="9734" width="7.21875" style="444" customWidth="1"/>
    <col min="9735" max="9736" width="3.88671875" style="444" customWidth="1"/>
    <col min="9737" max="9737" width="4" style="444" customWidth="1"/>
    <col min="9738" max="9738" width="3.77734375" style="444" customWidth="1"/>
    <col min="9739" max="9739" width="3" style="444" customWidth="1"/>
    <col min="9740" max="9740" width="7.77734375" style="444" customWidth="1"/>
    <col min="9741" max="9741" width="4.77734375" style="444" customWidth="1"/>
    <col min="9742" max="9742" width="4.33203125" style="444" customWidth="1"/>
    <col min="9743" max="9745" width="5" style="444" customWidth="1"/>
    <col min="9746" max="9746" width="21.21875" style="444" customWidth="1"/>
    <col min="9747" max="9986" width="5" style="444"/>
    <col min="9987" max="9987" width="7" style="444" customWidth="1"/>
    <col min="9988" max="9988" width="5" style="444" customWidth="1"/>
    <col min="9989" max="9989" width="5.77734375" style="444" customWidth="1"/>
    <col min="9990" max="9990" width="7.21875" style="444" customWidth="1"/>
    <col min="9991" max="9992" width="3.88671875" style="444" customWidth="1"/>
    <col min="9993" max="9993" width="4" style="444" customWidth="1"/>
    <col min="9994" max="9994" width="3.77734375" style="444" customWidth="1"/>
    <col min="9995" max="9995" width="3" style="444" customWidth="1"/>
    <col min="9996" max="9996" width="7.77734375" style="444" customWidth="1"/>
    <col min="9997" max="9997" width="4.77734375" style="444" customWidth="1"/>
    <col min="9998" max="9998" width="4.33203125" style="444" customWidth="1"/>
    <col min="9999" max="10001" width="5" style="444" customWidth="1"/>
    <col min="10002" max="10002" width="21.21875" style="444" customWidth="1"/>
    <col min="10003" max="10242" width="5" style="444"/>
    <col min="10243" max="10243" width="7" style="444" customWidth="1"/>
    <col min="10244" max="10244" width="5" style="444" customWidth="1"/>
    <col min="10245" max="10245" width="5.77734375" style="444" customWidth="1"/>
    <col min="10246" max="10246" width="7.21875" style="444" customWidth="1"/>
    <col min="10247" max="10248" width="3.88671875" style="444" customWidth="1"/>
    <col min="10249" max="10249" width="4" style="444" customWidth="1"/>
    <col min="10250" max="10250" width="3.77734375" style="444" customWidth="1"/>
    <col min="10251" max="10251" width="3" style="444" customWidth="1"/>
    <col min="10252" max="10252" width="7.77734375" style="444" customWidth="1"/>
    <col min="10253" max="10253" width="4.77734375" style="444" customWidth="1"/>
    <col min="10254" max="10254" width="4.33203125" style="444" customWidth="1"/>
    <col min="10255" max="10257" width="5" style="444" customWidth="1"/>
    <col min="10258" max="10258" width="21.21875" style="444" customWidth="1"/>
    <col min="10259" max="10498" width="5" style="444"/>
    <col min="10499" max="10499" width="7" style="444" customWidth="1"/>
    <col min="10500" max="10500" width="5" style="444" customWidth="1"/>
    <col min="10501" max="10501" width="5.77734375" style="444" customWidth="1"/>
    <col min="10502" max="10502" width="7.21875" style="444" customWidth="1"/>
    <col min="10503" max="10504" width="3.88671875" style="444" customWidth="1"/>
    <col min="10505" max="10505" width="4" style="444" customWidth="1"/>
    <col min="10506" max="10506" width="3.77734375" style="444" customWidth="1"/>
    <col min="10507" max="10507" width="3" style="444" customWidth="1"/>
    <col min="10508" max="10508" width="7.77734375" style="444" customWidth="1"/>
    <col min="10509" max="10509" width="4.77734375" style="444" customWidth="1"/>
    <col min="10510" max="10510" width="4.33203125" style="444" customWidth="1"/>
    <col min="10511" max="10513" width="5" style="444" customWidth="1"/>
    <col min="10514" max="10514" width="21.21875" style="444" customWidth="1"/>
    <col min="10515" max="10754" width="5" style="444"/>
    <col min="10755" max="10755" width="7" style="444" customWidth="1"/>
    <col min="10756" max="10756" width="5" style="444" customWidth="1"/>
    <col min="10757" max="10757" width="5.77734375" style="444" customWidth="1"/>
    <col min="10758" max="10758" width="7.21875" style="444" customWidth="1"/>
    <col min="10759" max="10760" width="3.88671875" style="444" customWidth="1"/>
    <col min="10761" max="10761" width="4" style="444" customWidth="1"/>
    <col min="10762" max="10762" width="3.77734375" style="444" customWidth="1"/>
    <col min="10763" max="10763" width="3" style="444" customWidth="1"/>
    <col min="10764" max="10764" width="7.77734375" style="444" customWidth="1"/>
    <col min="10765" max="10765" width="4.77734375" style="444" customWidth="1"/>
    <col min="10766" max="10766" width="4.33203125" style="444" customWidth="1"/>
    <col min="10767" max="10769" width="5" style="444" customWidth="1"/>
    <col min="10770" max="10770" width="21.21875" style="444" customWidth="1"/>
    <col min="10771" max="11010" width="5" style="444"/>
    <col min="11011" max="11011" width="7" style="444" customWidth="1"/>
    <col min="11012" max="11012" width="5" style="444" customWidth="1"/>
    <col min="11013" max="11013" width="5.77734375" style="444" customWidth="1"/>
    <col min="11014" max="11014" width="7.21875" style="444" customWidth="1"/>
    <col min="11015" max="11016" width="3.88671875" style="444" customWidth="1"/>
    <col min="11017" max="11017" width="4" style="444" customWidth="1"/>
    <col min="11018" max="11018" width="3.77734375" style="444" customWidth="1"/>
    <col min="11019" max="11019" width="3" style="444" customWidth="1"/>
    <col min="11020" max="11020" width="7.77734375" style="444" customWidth="1"/>
    <col min="11021" max="11021" width="4.77734375" style="444" customWidth="1"/>
    <col min="11022" max="11022" width="4.33203125" style="444" customWidth="1"/>
    <col min="11023" max="11025" width="5" style="444" customWidth="1"/>
    <col min="11026" max="11026" width="21.21875" style="444" customWidth="1"/>
    <col min="11027" max="11266" width="5" style="444"/>
    <col min="11267" max="11267" width="7" style="444" customWidth="1"/>
    <col min="11268" max="11268" width="5" style="444" customWidth="1"/>
    <col min="11269" max="11269" width="5.77734375" style="444" customWidth="1"/>
    <col min="11270" max="11270" width="7.21875" style="444" customWidth="1"/>
    <col min="11271" max="11272" width="3.88671875" style="444" customWidth="1"/>
    <col min="11273" max="11273" width="4" style="444" customWidth="1"/>
    <col min="11274" max="11274" width="3.77734375" style="444" customWidth="1"/>
    <col min="11275" max="11275" width="3" style="444" customWidth="1"/>
    <col min="11276" max="11276" width="7.77734375" style="444" customWidth="1"/>
    <col min="11277" max="11277" width="4.77734375" style="444" customWidth="1"/>
    <col min="11278" max="11278" width="4.33203125" style="444" customWidth="1"/>
    <col min="11279" max="11281" width="5" style="444" customWidth="1"/>
    <col min="11282" max="11282" width="21.21875" style="444" customWidth="1"/>
    <col min="11283" max="11522" width="5" style="444"/>
    <col min="11523" max="11523" width="7" style="444" customWidth="1"/>
    <col min="11524" max="11524" width="5" style="444" customWidth="1"/>
    <col min="11525" max="11525" width="5.77734375" style="444" customWidth="1"/>
    <col min="11526" max="11526" width="7.21875" style="444" customWidth="1"/>
    <col min="11527" max="11528" width="3.88671875" style="444" customWidth="1"/>
    <col min="11529" max="11529" width="4" style="444" customWidth="1"/>
    <col min="11530" max="11530" width="3.77734375" style="444" customWidth="1"/>
    <col min="11531" max="11531" width="3" style="444" customWidth="1"/>
    <col min="11532" max="11532" width="7.77734375" style="444" customWidth="1"/>
    <col min="11533" max="11533" width="4.77734375" style="444" customWidth="1"/>
    <col min="11534" max="11534" width="4.33203125" style="444" customWidth="1"/>
    <col min="11535" max="11537" width="5" style="444" customWidth="1"/>
    <col min="11538" max="11538" width="21.21875" style="444" customWidth="1"/>
    <col min="11539" max="11778" width="5" style="444"/>
    <col min="11779" max="11779" width="7" style="444" customWidth="1"/>
    <col min="11780" max="11780" width="5" style="444" customWidth="1"/>
    <col min="11781" max="11781" width="5.77734375" style="444" customWidth="1"/>
    <col min="11782" max="11782" width="7.21875" style="444" customWidth="1"/>
    <col min="11783" max="11784" width="3.88671875" style="444" customWidth="1"/>
    <col min="11785" max="11785" width="4" style="444" customWidth="1"/>
    <col min="11786" max="11786" width="3.77734375" style="444" customWidth="1"/>
    <col min="11787" max="11787" width="3" style="444" customWidth="1"/>
    <col min="11788" max="11788" width="7.77734375" style="444" customWidth="1"/>
    <col min="11789" max="11789" width="4.77734375" style="444" customWidth="1"/>
    <col min="11790" max="11790" width="4.33203125" style="444" customWidth="1"/>
    <col min="11791" max="11793" width="5" style="444" customWidth="1"/>
    <col min="11794" max="11794" width="21.21875" style="444" customWidth="1"/>
    <col min="11795" max="12034" width="5" style="444"/>
    <col min="12035" max="12035" width="7" style="444" customWidth="1"/>
    <col min="12036" max="12036" width="5" style="444" customWidth="1"/>
    <col min="12037" max="12037" width="5.77734375" style="444" customWidth="1"/>
    <col min="12038" max="12038" width="7.21875" style="444" customWidth="1"/>
    <col min="12039" max="12040" width="3.88671875" style="444" customWidth="1"/>
    <col min="12041" max="12041" width="4" style="444" customWidth="1"/>
    <col min="12042" max="12042" width="3.77734375" style="444" customWidth="1"/>
    <col min="12043" max="12043" width="3" style="444" customWidth="1"/>
    <col min="12044" max="12044" width="7.77734375" style="444" customWidth="1"/>
    <col min="12045" max="12045" width="4.77734375" style="444" customWidth="1"/>
    <col min="12046" max="12046" width="4.33203125" style="444" customWidth="1"/>
    <col min="12047" max="12049" width="5" style="444" customWidth="1"/>
    <col min="12050" max="12050" width="21.21875" style="444" customWidth="1"/>
    <col min="12051" max="12290" width="5" style="444"/>
    <col min="12291" max="12291" width="7" style="444" customWidth="1"/>
    <col min="12292" max="12292" width="5" style="444" customWidth="1"/>
    <col min="12293" max="12293" width="5.77734375" style="444" customWidth="1"/>
    <col min="12294" max="12294" width="7.21875" style="444" customWidth="1"/>
    <col min="12295" max="12296" width="3.88671875" style="444" customWidth="1"/>
    <col min="12297" max="12297" width="4" style="444" customWidth="1"/>
    <col min="12298" max="12298" width="3.77734375" style="444" customWidth="1"/>
    <col min="12299" max="12299" width="3" style="444" customWidth="1"/>
    <col min="12300" max="12300" width="7.77734375" style="444" customWidth="1"/>
    <col min="12301" max="12301" width="4.77734375" style="444" customWidth="1"/>
    <col min="12302" max="12302" width="4.33203125" style="444" customWidth="1"/>
    <col min="12303" max="12305" width="5" style="444" customWidth="1"/>
    <col min="12306" max="12306" width="21.21875" style="444" customWidth="1"/>
    <col min="12307" max="12546" width="5" style="444"/>
    <col min="12547" max="12547" width="7" style="444" customWidth="1"/>
    <col min="12548" max="12548" width="5" style="444" customWidth="1"/>
    <col min="12549" max="12549" width="5.77734375" style="444" customWidth="1"/>
    <col min="12550" max="12550" width="7.21875" style="444" customWidth="1"/>
    <col min="12551" max="12552" width="3.88671875" style="444" customWidth="1"/>
    <col min="12553" max="12553" width="4" style="444" customWidth="1"/>
    <col min="12554" max="12554" width="3.77734375" style="444" customWidth="1"/>
    <col min="12555" max="12555" width="3" style="444" customWidth="1"/>
    <col min="12556" max="12556" width="7.77734375" style="444" customWidth="1"/>
    <col min="12557" max="12557" width="4.77734375" style="444" customWidth="1"/>
    <col min="12558" max="12558" width="4.33203125" style="444" customWidth="1"/>
    <col min="12559" max="12561" width="5" style="444" customWidth="1"/>
    <col min="12562" max="12562" width="21.21875" style="444" customWidth="1"/>
    <col min="12563" max="12802" width="5" style="444"/>
    <col min="12803" max="12803" width="7" style="444" customWidth="1"/>
    <col min="12804" max="12804" width="5" style="444" customWidth="1"/>
    <col min="12805" max="12805" width="5.77734375" style="444" customWidth="1"/>
    <col min="12806" max="12806" width="7.21875" style="444" customWidth="1"/>
    <col min="12807" max="12808" width="3.88671875" style="444" customWidth="1"/>
    <col min="12809" max="12809" width="4" style="444" customWidth="1"/>
    <col min="12810" max="12810" width="3.77734375" style="444" customWidth="1"/>
    <col min="12811" max="12811" width="3" style="444" customWidth="1"/>
    <col min="12812" max="12812" width="7.77734375" style="444" customWidth="1"/>
    <col min="12813" max="12813" width="4.77734375" style="444" customWidth="1"/>
    <col min="12814" max="12814" width="4.33203125" style="444" customWidth="1"/>
    <col min="12815" max="12817" width="5" style="444" customWidth="1"/>
    <col min="12818" max="12818" width="21.21875" style="444" customWidth="1"/>
    <col min="12819" max="13058" width="5" style="444"/>
    <col min="13059" max="13059" width="7" style="444" customWidth="1"/>
    <col min="13060" max="13060" width="5" style="444" customWidth="1"/>
    <col min="13061" max="13061" width="5.77734375" style="444" customWidth="1"/>
    <col min="13062" max="13062" width="7.21875" style="444" customWidth="1"/>
    <col min="13063" max="13064" width="3.88671875" style="444" customWidth="1"/>
    <col min="13065" max="13065" width="4" style="444" customWidth="1"/>
    <col min="13066" max="13066" width="3.77734375" style="444" customWidth="1"/>
    <col min="13067" max="13067" width="3" style="444" customWidth="1"/>
    <col min="13068" max="13068" width="7.77734375" style="444" customWidth="1"/>
    <col min="13069" max="13069" width="4.77734375" style="444" customWidth="1"/>
    <col min="13070" max="13070" width="4.33203125" style="444" customWidth="1"/>
    <col min="13071" max="13073" width="5" style="444" customWidth="1"/>
    <col min="13074" max="13074" width="21.21875" style="444" customWidth="1"/>
    <col min="13075" max="13314" width="5" style="444"/>
    <col min="13315" max="13315" width="7" style="444" customWidth="1"/>
    <col min="13316" max="13316" width="5" style="444" customWidth="1"/>
    <col min="13317" max="13317" width="5.77734375" style="444" customWidth="1"/>
    <col min="13318" max="13318" width="7.21875" style="444" customWidth="1"/>
    <col min="13319" max="13320" width="3.88671875" style="444" customWidth="1"/>
    <col min="13321" max="13321" width="4" style="444" customWidth="1"/>
    <col min="13322" max="13322" width="3.77734375" style="444" customWidth="1"/>
    <col min="13323" max="13323" width="3" style="444" customWidth="1"/>
    <col min="13324" max="13324" width="7.77734375" style="444" customWidth="1"/>
    <col min="13325" max="13325" width="4.77734375" style="444" customWidth="1"/>
    <col min="13326" max="13326" width="4.33203125" style="444" customWidth="1"/>
    <col min="13327" max="13329" width="5" style="444" customWidth="1"/>
    <col min="13330" max="13330" width="21.21875" style="444" customWidth="1"/>
    <col min="13331" max="13570" width="5" style="444"/>
    <col min="13571" max="13571" width="7" style="444" customWidth="1"/>
    <col min="13572" max="13572" width="5" style="444" customWidth="1"/>
    <col min="13573" max="13573" width="5.77734375" style="444" customWidth="1"/>
    <col min="13574" max="13574" width="7.21875" style="444" customWidth="1"/>
    <col min="13575" max="13576" width="3.88671875" style="444" customWidth="1"/>
    <col min="13577" max="13577" width="4" style="444" customWidth="1"/>
    <col min="13578" max="13578" width="3.77734375" style="444" customWidth="1"/>
    <col min="13579" max="13579" width="3" style="444" customWidth="1"/>
    <col min="13580" max="13580" width="7.77734375" style="444" customWidth="1"/>
    <col min="13581" max="13581" width="4.77734375" style="444" customWidth="1"/>
    <col min="13582" max="13582" width="4.33203125" style="444" customWidth="1"/>
    <col min="13583" max="13585" width="5" style="444" customWidth="1"/>
    <col min="13586" max="13586" width="21.21875" style="444" customWidth="1"/>
    <col min="13587" max="13826" width="5" style="444"/>
    <col min="13827" max="13827" width="7" style="444" customWidth="1"/>
    <col min="13828" max="13828" width="5" style="444" customWidth="1"/>
    <col min="13829" max="13829" width="5.77734375" style="444" customWidth="1"/>
    <col min="13830" max="13830" width="7.21875" style="444" customWidth="1"/>
    <col min="13831" max="13832" width="3.88671875" style="444" customWidth="1"/>
    <col min="13833" max="13833" width="4" style="444" customWidth="1"/>
    <col min="13834" max="13834" width="3.77734375" style="444" customWidth="1"/>
    <col min="13835" max="13835" width="3" style="444" customWidth="1"/>
    <col min="13836" max="13836" width="7.77734375" style="444" customWidth="1"/>
    <col min="13837" max="13837" width="4.77734375" style="444" customWidth="1"/>
    <col min="13838" max="13838" width="4.33203125" style="444" customWidth="1"/>
    <col min="13839" max="13841" width="5" style="444" customWidth="1"/>
    <col min="13842" max="13842" width="21.21875" style="444" customWidth="1"/>
    <col min="13843" max="14082" width="5" style="444"/>
    <col min="14083" max="14083" width="7" style="444" customWidth="1"/>
    <col min="14084" max="14084" width="5" style="444" customWidth="1"/>
    <col min="14085" max="14085" width="5.77734375" style="444" customWidth="1"/>
    <col min="14086" max="14086" width="7.21875" style="444" customWidth="1"/>
    <col min="14087" max="14088" width="3.88671875" style="444" customWidth="1"/>
    <col min="14089" max="14089" width="4" style="444" customWidth="1"/>
    <col min="14090" max="14090" width="3.77734375" style="444" customWidth="1"/>
    <col min="14091" max="14091" width="3" style="444" customWidth="1"/>
    <col min="14092" max="14092" width="7.77734375" style="444" customWidth="1"/>
    <col min="14093" max="14093" width="4.77734375" style="444" customWidth="1"/>
    <col min="14094" max="14094" width="4.33203125" style="444" customWidth="1"/>
    <col min="14095" max="14097" width="5" style="444" customWidth="1"/>
    <col min="14098" max="14098" width="21.21875" style="444" customWidth="1"/>
    <col min="14099" max="14338" width="5" style="444"/>
    <col min="14339" max="14339" width="7" style="444" customWidth="1"/>
    <col min="14340" max="14340" width="5" style="444" customWidth="1"/>
    <col min="14341" max="14341" width="5.77734375" style="444" customWidth="1"/>
    <col min="14342" max="14342" width="7.21875" style="444" customWidth="1"/>
    <col min="14343" max="14344" width="3.88671875" style="444" customWidth="1"/>
    <col min="14345" max="14345" width="4" style="444" customWidth="1"/>
    <col min="14346" max="14346" width="3.77734375" style="444" customWidth="1"/>
    <col min="14347" max="14347" width="3" style="444" customWidth="1"/>
    <col min="14348" max="14348" width="7.77734375" style="444" customWidth="1"/>
    <col min="14349" max="14349" width="4.77734375" style="444" customWidth="1"/>
    <col min="14350" max="14350" width="4.33203125" style="444" customWidth="1"/>
    <col min="14351" max="14353" width="5" style="444" customWidth="1"/>
    <col min="14354" max="14354" width="21.21875" style="444" customWidth="1"/>
    <col min="14355" max="14594" width="5" style="444"/>
    <col min="14595" max="14595" width="7" style="444" customWidth="1"/>
    <col min="14596" max="14596" width="5" style="444" customWidth="1"/>
    <col min="14597" max="14597" width="5.77734375" style="444" customWidth="1"/>
    <col min="14598" max="14598" width="7.21875" style="444" customWidth="1"/>
    <col min="14599" max="14600" width="3.88671875" style="444" customWidth="1"/>
    <col min="14601" max="14601" width="4" style="444" customWidth="1"/>
    <col min="14602" max="14602" width="3.77734375" style="444" customWidth="1"/>
    <col min="14603" max="14603" width="3" style="444" customWidth="1"/>
    <col min="14604" max="14604" width="7.77734375" style="444" customWidth="1"/>
    <col min="14605" max="14605" width="4.77734375" style="444" customWidth="1"/>
    <col min="14606" max="14606" width="4.33203125" style="444" customWidth="1"/>
    <col min="14607" max="14609" width="5" style="444" customWidth="1"/>
    <col min="14610" max="14610" width="21.21875" style="444" customWidth="1"/>
    <col min="14611" max="14850" width="5" style="444"/>
    <col min="14851" max="14851" width="7" style="444" customWidth="1"/>
    <col min="14852" max="14852" width="5" style="444" customWidth="1"/>
    <col min="14853" max="14853" width="5.77734375" style="444" customWidth="1"/>
    <col min="14854" max="14854" width="7.21875" style="444" customWidth="1"/>
    <col min="14855" max="14856" width="3.88671875" style="444" customWidth="1"/>
    <col min="14857" max="14857" width="4" style="444" customWidth="1"/>
    <col min="14858" max="14858" width="3.77734375" style="444" customWidth="1"/>
    <col min="14859" max="14859" width="3" style="444" customWidth="1"/>
    <col min="14860" max="14860" width="7.77734375" style="444" customWidth="1"/>
    <col min="14861" max="14861" width="4.77734375" style="444" customWidth="1"/>
    <col min="14862" max="14862" width="4.33203125" style="444" customWidth="1"/>
    <col min="14863" max="14865" width="5" style="444" customWidth="1"/>
    <col min="14866" max="14866" width="21.21875" style="444" customWidth="1"/>
    <col min="14867" max="15106" width="5" style="444"/>
    <col min="15107" max="15107" width="7" style="444" customWidth="1"/>
    <col min="15108" max="15108" width="5" style="444" customWidth="1"/>
    <col min="15109" max="15109" width="5.77734375" style="444" customWidth="1"/>
    <col min="15110" max="15110" width="7.21875" style="444" customWidth="1"/>
    <col min="15111" max="15112" width="3.88671875" style="444" customWidth="1"/>
    <col min="15113" max="15113" width="4" style="444" customWidth="1"/>
    <col min="15114" max="15114" width="3.77734375" style="444" customWidth="1"/>
    <col min="15115" max="15115" width="3" style="444" customWidth="1"/>
    <col min="15116" max="15116" width="7.77734375" style="444" customWidth="1"/>
    <col min="15117" max="15117" width="4.77734375" style="444" customWidth="1"/>
    <col min="15118" max="15118" width="4.33203125" style="444" customWidth="1"/>
    <col min="15119" max="15121" width="5" style="444" customWidth="1"/>
    <col min="15122" max="15122" width="21.21875" style="444" customWidth="1"/>
    <col min="15123" max="15362" width="5" style="444"/>
    <col min="15363" max="15363" width="7" style="444" customWidth="1"/>
    <col min="15364" max="15364" width="5" style="444" customWidth="1"/>
    <col min="15365" max="15365" width="5.77734375" style="444" customWidth="1"/>
    <col min="15366" max="15366" width="7.21875" style="444" customWidth="1"/>
    <col min="15367" max="15368" width="3.88671875" style="444" customWidth="1"/>
    <col min="15369" max="15369" width="4" style="444" customWidth="1"/>
    <col min="15370" max="15370" width="3.77734375" style="444" customWidth="1"/>
    <col min="15371" max="15371" width="3" style="444" customWidth="1"/>
    <col min="15372" max="15372" width="7.77734375" style="444" customWidth="1"/>
    <col min="15373" max="15373" width="4.77734375" style="444" customWidth="1"/>
    <col min="15374" max="15374" width="4.33203125" style="444" customWidth="1"/>
    <col min="15375" max="15377" width="5" style="444" customWidth="1"/>
    <col min="15378" max="15378" width="21.21875" style="444" customWidth="1"/>
    <col min="15379" max="15618" width="5" style="444"/>
    <col min="15619" max="15619" width="7" style="444" customWidth="1"/>
    <col min="15620" max="15620" width="5" style="444" customWidth="1"/>
    <col min="15621" max="15621" width="5.77734375" style="444" customWidth="1"/>
    <col min="15622" max="15622" width="7.21875" style="444" customWidth="1"/>
    <col min="15623" max="15624" width="3.88671875" style="444" customWidth="1"/>
    <col min="15625" max="15625" width="4" style="444" customWidth="1"/>
    <col min="15626" max="15626" width="3.77734375" style="444" customWidth="1"/>
    <col min="15627" max="15627" width="3" style="444" customWidth="1"/>
    <col min="15628" max="15628" width="7.77734375" style="444" customWidth="1"/>
    <col min="15629" max="15629" width="4.77734375" style="444" customWidth="1"/>
    <col min="15630" max="15630" width="4.33203125" style="444" customWidth="1"/>
    <col min="15631" max="15633" width="5" style="444" customWidth="1"/>
    <col min="15634" max="15634" width="21.21875" style="444" customWidth="1"/>
    <col min="15635" max="15874" width="5" style="444"/>
    <col min="15875" max="15875" width="7" style="444" customWidth="1"/>
    <col min="15876" max="15876" width="5" style="444" customWidth="1"/>
    <col min="15877" max="15877" width="5.77734375" style="444" customWidth="1"/>
    <col min="15878" max="15878" width="7.21875" style="444" customWidth="1"/>
    <col min="15879" max="15880" width="3.88671875" style="444" customWidth="1"/>
    <col min="15881" max="15881" width="4" style="444" customWidth="1"/>
    <col min="15882" max="15882" width="3.77734375" style="444" customWidth="1"/>
    <col min="15883" max="15883" width="3" style="444" customWidth="1"/>
    <col min="15884" max="15884" width="7.77734375" style="444" customWidth="1"/>
    <col min="15885" max="15885" width="4.77734375" style="444" customWidth="1"/>
    <col min="15886" max="15886" width="4.33203125" style="444" customWidth="1"/>
    <col min="15887" max="15889" width="5" style="444" customWidth="1"/>
    <col min="15890" max="15890" width="21.21875" style="444" customWidth="1"/>
    <col min="15891" max="16130" width="5" style="444"/>
    <col min="16131" max="16131" width="7" style="444" customWidth="1"/>
    <col min="16132" max="16132" width="5" style="444" customWidth="1"/>
    <col min="16133" max="16133" width="5.77734375" style="444" customWidth="1"/>
    <col min="16134" max="16134" width="7.21875" style="444" customWidth="1"/>
    <col min="16135" max="16136" width="3.88671875" style="444" customWidth="1"/>
    <col min="16137" max="16137" width="4" style="444" customWidth="1"/>
    <col min="16138" max="16138" width="3.77734375" style="444" customWidth="1"/>
    <col min="16139" max="16139" width="3" style="444" customWidth="1"/>
    <col min="16140" max="16140" width="7.77734375" style="444" customWidth="1"/>
    <col min="16141" max="16141" width="4.77734375" style="444" customWidth="1"/>
    <col min="16142" max="16142" width="4.33203125" style="444" customWidth="1"/>
    <col min="16143" max="16145" width="5" style="444" customWidth="1"/>
    <col min="16146" max="16146" width="21.21875" style="444" customWidth="1"/>
    <col min="16147" max="16384" width="5" style="444"/>
  </cols>
  <sheetData>
    <row r="2" spans="1:18">
      <c r="A2" s="444" t="s">
        <v>697</v>
      </c>
    </row>
    <row r="3" spans="1:18" ht="13.8" thickBot="1"/>
    <row r="4" spans="1:18" ht="20.25" customHeight="1">
      <c r="B4" s="1908" t="s">
        <v>1024</v>
      </c>
      <c r="C4" s="1909"/>
      <c r="D4" s="1912" t="s">
        <v>698</v>
      </c>
      <c r="E4" s="1913"/>
      <c r="F4" s="1913"/>
      <c r="G4" s="1913"/>
      <c r="H4" s="1913"/>
      <c r="I4" s="1914"/>
      <c r="J4" s="735"/>
      <c r="K4" s="1914" t="s">
        <v>699</v>
      </c>
      <c r="L4" s="1915" t="s">
        <v>700</v>
      </c>
      <c r="M4" s="1915"/>
      <c r="N4" s="1915"/>
      <c r="O4" s="1915"/>
      <c r="P4" s="445"/>
      <c r="Q4" s="445"/>
      <c r="R4" s="446"/>
    </row>
    <row r="5" spans="1:18" ht="20.25" customHeight="1">
      <c r="B5" s="1910"/>
      <c r="C5" s="1911"/>
      <c r="D5" s="1904"/>
      <c r="E5" s="1906"/>
      <c r="F5" s="1906"/>
      <c r="G5" s="1906"/>
      <c r="H5" s="1906"/>
      <c r="I5" s="1774"/>
      <c r="J5" s="733"/>
      <c r="K5" s="1774"/>
      <c r="L5" s="1907"/>
      <c r="M5" s="1907"/>
      <c r="N5" s="1907"/>
      <c r="O5" s="1907"/>
      <c r="P5" s="447"/>
      <c r="Q5" s="447"/>
      <c r="R5" s="448"/>
    </row>
    <row r="6" spans="1:18" ht="20.25" customHeight="1">
      <c r="B6" s="1900" t="s">
        <v>701</v>
      </c>
      <c r="C6" s="1901"/>
      <c r="D6" s="1895" t="s">
        <v>702</v>
      </c>
      <c r="E6" s="1905"/>
      <c r="F6" s="1905"/>
      <c r="G6" s="1905"/>
      <c r="H6" s="1905"/>
      <c r="I6" s="1697"/>
      <c r="J6" s="731"/>
      <c r="K6" s="1697" t="s">
        <v>699</v>
      </c>
      <c r="L6" s="1896"/>
      <c r="M6" s="1896"/>
      <c r="N6" s="1896"/>
      <c r="O6" s="1896"/>
      <c r="P6" s="449"/>
      <c r="Q6" s="449"/>
      <c r="R6" s="450"/>
    </row>
    <row r="7" spans="1:18" ht="20.25" customHeight="1">
      <c r="B7" s="1902"/>
      <c r="C7" s="1903"/>
      <c r="D7" s="1904"/>
      <c r="E7" s="1906"/>
      <c r="F7" s="1906"/>
      <c r="G7" s="1906"/>
      <c r="H7" s="1906"/>
      <c r="I7" s="1774"/>
      <c r="J7" s="733"/>
      <c r="K7" s="1774"/>
      <c r="L7" s="1907"/>
      <c r="M7" s="1907"/>
      <c r="N7" s="1907"/>
      <c r="O7" s="1907"/>
      <c r="P7" s="451"/>
      <c r="Q7" s="451"/>
      <c r="R7" s="452"/>
    </row>
    <row r="8" spans="1:18" ht="20.25" customHeight="1">
      <c r="B8" s="1900" t="s">
        <v>703</v>
      </c>
      <c r="C8" s="1672"/>
      <c r="D8" s="453" t="s">
        <v>704</v>
      </c>
      <c r="E8" s="1893">
        <f>H9+L10</f>
        <v>0</v>
      </c>
      <c r="F8" s="1905"/>
      <c r="G8" s="1905"/>
      <c r="H8" s="1905"/>
      <c r="I8" s="1697"/>
      <c r="J8" s="732"/>
      <c r="K8" s="454" t="s">
        <v>699</v>
      </c>
      <c r="L8" s="454"/>
      <c r="M8" s="454"/>
      <c r="N8" s="454"/>
      <c r="O8" s="454"/>
      <c r="P8" s="454"/>
      <c r="Q8" s="736"/>
      <c r="R8" s="455"/>
    </row>
    <row r="9" spans="1:18" ht="20.25" customHeight="1">
      <c r="B9" s="1673"/>
      <c r="C9" s="1674"/>
      <c r="D9" s="1922" t="s">
        <v>1030</v>
      </c>
      <c r="E9" s="1897"/>
      <c r="F9" s="1897"/>
      <c r="G9" s="1897"/>
      <c r="H9" s="1887"/>
      <c r="I9" s="1887"/>
      <c r="J9" s="1887"/>
      <c r="K9" s="1887"/>
      <c r="L9" s="454" t="s">
        <v>1023</v>
      </c>
      <c r="M9" s="454"/>
      <c r="N9" s="454"/>
      <c r="O9" s="454"/>
      <c r="P9" s="454"/>
      <c r="Q9" s="736"/>
      <c r="R9" s="455"/>
    </row>
    <row r="10" spans="1:18" ht="20.25" customHeight="1">
      <c r="B10" s="1673"/>
      <c r="C10" s="1674"/>
      <c r="D10" s="454"/>
      <c r="E10" s="1923" t="s">
        <v>1031</v>
      </c>
      <c r="F10" s="1923"/>
      <c r="G10" s="1923"/>
      <c r="H10" s="1923"/>
      <c r="I10" s="1923"/>
      <c r="J10" s="1923"/>
      <c r="K10" s="1923"/>
      <c r="L10" s="1887">
        <f>E13</f>
        <v>0</v>
      </c>
      <c r="M10" s="1887"/>
      <c r="N10" s="1887"/>
      <c r="O10" s="736" t="s">
        <v>1032</v>
      </c>
      <c r="P10" s="736"/>
      <c r="Q10" s="736"/>
      <c r="R10" s="455"/>
    </row>
    <row r="11" spans="1:18" ht="20.25" customHeight="1">
      <c r="B11" s="1673"/>
      <c r="C11" s="1674"/>
      <c r="D11" s="454"/>
      <c r="E11" s="1888" t="s">
        <v>705</v>
      </c>
      <c r="F11" s="1888"/>
      <c r="G11" s="1888"/>
      <c r="H11" s="1888"/>
      <c r="I11" s="1888"/>
      <c r="J11" s="1888"/>
      <c r="K11" s="1888"/>
      <c r="L11" s="454" t="e">
        <f>ROUNDDOWN(E8/E4*100,1)</f>
        <v>#DIV/0!</v>
      </c>
      <c r="M11" s="1887" t="s">
        <v>706</v>
      </c>
      <c r="N11" s="1887"/>
      <c r="O11" s="454"/>
      <c r="P11" s="454"/>
      <c r="Q11" s="736"/>
      <c r="R11" s="455"/>
    </row>
    <row r="12" spans="1:18" ht="20.25" customHeight="1">
      <c r="B12" s="1916"/>
      <c r="C12" s="1917"/>
      <c r="D12" s="456"/>
      <c r="E12" s="456"/>
      <c r="F12" s="456"/>
      <c r="G12" s="456"/>
      <c r="H12" s="456"/>
      <c r="I12" s="456"/>
      <c r="J12" s="734"/>
      <c r="K12" s="456"/>
      <c r="L12" s="456"/>
      <c r="M12" s="456"/>
      <c r="N12" s="456"/>
      <c r="O12" s="456"/>
      <c r="P12" s="456"/>
      <c r="Q12" s="734"/>
      <c r="R12" s="457"/>
    </row>
    <row r="13" spans="1:18" ht="20.25" customHeight="1">
      <c r="B13" s="458"/>
      <c r="C13" s="459"/>
      <c r="D13" s="453" t="s">
        <v>704</v>
      </c>
      <c r="E13" s="1893">
        <f>I14+Q14+I15+Q15</f>
        <v>0</v>
      </c>
      <c r="F13" s="1893"/>
      <c r="G13" s="1893"/>
      <c r="H13" s="1893"/>
      <c r="I13" s="1697"/>
      <c r="J13" s="732"/>
      <c r="K13" s="454" t="s">
        <v>699</v>
      </c>
      <c r="L13" s="454"/>
      <c r="M13" s="454"/>
      <c r="N13" s="454"/>
      <c r="O13" s="454"/>
      <c r="P13" s="454"/>
      <c r="Q13" s="736"/>
      <c r="R13" s="455"/>
    </row>
    <row r="14" spans="1:18" ht="20.25" customHeight="1">
      <c r="B14" s="1918" t="s">
        <v>707</v>
      </c>
      <c r="C14" s="1919"/>
      <c r="D14" s="1920" t="s">
        <v>1025</v>
      </c>
      <c r="E14" s="1921"/>
      <c r="F14" s="1921"/>
      <c r="G14" s="1921"/>
      <c r="H14" s="1921"/>
      <c r="I14" s="1700"/>
      <c r="J14" s="1700"/>
      <c r="K14" s="1700"/>
      <c r="L14" s="732" t="s">
        <v>1023</v>
      </c>
      <c r="M14" s="1924" t="s">
        <v>1026</v>
      </c>
      <c r="N14" s="1924"/>
      <c r="O14" s="1924"/>
      <c r="P14" s="1924"/>
      <c r="Q14" s="732"/>
      <c r="R14" s="475" t="s">
        <v>1022</v>
      </c>
    </row>
    <row r="15" spans="1:18" ht="21.75" customHeight="1">
      <c r="B15" s="1918" t="s">
        <v>708</v>
      </c>
      <c r="C15" s="1919"/>
      <c r="D15" s="1930" t="s">
        <v>1027</v>
      </c>
      <c r="E15" s="1931"/>
      <c r="F15" s="1931"/>
      <c r="G15" s="1931"/>
      <c r="H15" s="1931"/>
      <c r="I15" s="1700"/>
      <c r="J15" s="1700"/>
      <c r="K15" s="1700"/>
      <c r="L15" s="732" t="s">
        <v>1023</v>
      </c>
      <c r="M15" s="1892" t="s">
        <v>1028</v>
      </c>
      <c r="N15" s="1892"/>
      <c r="O15" s="1892"/>
      <c r="P15" s="1892"/>
      <c r="Q15" s="732"/>
      <c r="R15" s="475" t="s">
        <v>1022</v>
      </c>
    </row>
    <row r="16" spans="1:18" ht="20.25" customHeight="1">
      <c r="B16" s="460"/>
      <c r="C16" s="461"/>
      <c r="D16" s="456"/>
      <c r="E16" s="456"/>
      <c r="F16" s="1898" t="s">
        <v>1029</v>
      </c>
      <c r="G16" s="1898"/>
      <c r="H16" s="1898"/>
      <c r="I16" s="1898"/>
      <c r="J16" s="1898"/>
      <c r="K16" s="1898"/>
      <c r="L16" s="456"/>
      <c r="M16" s="456"/>
      <c r="N16" s="456"/>
      <c r="O16" s="456"/>
      <c r="P16" s="456"/>
      <c r="Q16" s="734"/>
      <c r="R16" s="457"/>
    </row>
    <row r="17" spans="2:18" ht="20.25" customHeight="1">
      <c r="B17" s="1900" t="s">
        <v>709</v>
      </c>
      <c r="C17" s="1672"/>
      <c r="D17" s="1899" t="s">
        <v>704</v>
      </c>
      <c r="E17" s="1896"/>
      <c r="F17" s="1893">
        <f>K18+H20</f>
        <v>0</v>
      </c>
      <c r="G17" s="1893"/>
      <c r="H17" s="1893"/>
      <c r="I17" s="1893"/>
      <c r="J17" s="1893"/>
      <c r="K17" s="454" t="s">
        <v>710</v>
      </c>
      <c r="L17" s="454"/>
      <c r="M17" s="454"/>
      <c r="N17" s="454"/>
      <c r="O17" s="454"/>
      <c r="P17" s="454"/>
      <c r="Q17" s="736"/>
      <c r="R17" s="455"/>
    </row>
    <row r="18" spans="2:18" ht="20.25" customHeight="1">
      <c r="B18" s="1673"/>
      <c r="C18" s="1674"/>
      <c r="D18" s="1933" t="s">
        <v>711</v>
      </c>
      <c r="E18" s="1934"/>
      <c r="F18" s="1934"/>
      <c r="G18" s="1934"/>
      <c r="H18" s="1934"/>
      <c r="I18" s="1934"/>
      <c r="J18" s="1934"/>
      <c r="K18" s="1887"/>
      <c r="L18" s="1887"/>
      <c r="M18" s="454" t="s">
        <v>699</v>
      </c>
      <c r="N18" s="454"/>
      <c r="O18" s="454"/>
      <c r="P18" s="454"/>
      <c r="Q18" s="736"/>
      <c r="R18" s="455"/>
    </row>
    <row r="19" spans="2:18" ht="20.25" customHeight="1">
      <c r="B19" s="1673"/>
      <c r="C19" s="1674"/>
      <c r="D19" s="454"/>
      <c r="E19" s="1897" t="s">
        <v>1033</v>
      </c>
      <c r="F19" s="1897"/>
      <c r="G19" s="1897"/>
      <c r="H19" s="1897"/>
      <c r="I19" s="1897"/>
      <c r="J19" s="1887" t="e">
        <f>ROUNDDOWN(K18/E6*100,1)</f>
        <v>#DIV/0!</v>
      </c>
      <c r="K19" s="1887"/>
      <c r="L19" s="1887"/>
      <c r="M19" s="1887" t="s">
        <v>1034</v>
      </c>
      <c r="N19" s="1887"/>
      <c r="O19" s="454"/>
      <c r="P19" s="454"/>
      <c r="Q19" s="736"/>
      <c r="R19" s="455"/>
    </row>
    <row r="20" spans="2:18" ht="20.25" customHeight="1">
      <c r="B20" s="1673"/>
      <c r="C20" s="1674"/>
      <c r="D20" s="1932" t="s">
        <v>1035</v>
      </c>
      <c r="E20" s="1887"/>
      <c r="F20" s="1887"/>
      <c r="G20" s="1887"/>
      <c r="H20" s="1887">
        <f>I21+Q21+I22+Q22</f>
        <v>0</v>
      </c>
      <c r="I20" s="1887"/>
      <c r="J20" s="1887"/>
      <c r="K20" s="1887"/>
      <c r="L20" s="1887"/>
      <c r="M20" s="454" t="s">
        <v>699</v>
      </c>
      <c r="N20" s="454"/>
      <c r="O20" s="454"/>
      <c r="P20" s="454"/>
      <c r="Q20" s="736"/>
      <c r="R20" s="455"/>
    </row>
    <row r="21" spans="2:18" ht="20.25" customHeight="1">
      <c r="B21" s="1673"/>
      <c r="C21" s="1674"/>
      <c r="D21" s="1920" t="s">
        <v>1041</v>
      </c>
      <c r="E21" s="1921"/>
      <c r="F21" s="1921"/>
      <c r="G21" s="1921"/>
      <c r="H21" s="1921"/>
      <c r="I21" s="1700"/>
      <c r="J21" s="1700"/>
      <c r="K21" s="1700"/>
      <c r="L21" s="732" t="s">
        <v>1023</v>
      </c>
      <c r="M21" s="1924" t="s">
        <v>1043</v>
      </c>
      <c r="N21" s="1924"/>
      <c r="O21" s="1924"/>
      <c r="P21" s="1924"/>
      <c r="Q21" s="732"/>
      <c r="R21" s="475" t="s">
        <v>1022</v>
      </c>
    </row>
    <row r="22" spans="2:18" ht="20.25" customHeight="1">
      <c r="B22" s="1673"/>
      <c r="C22" s="1674"/>
      <c r="D22" s="1890" t="s">
        <v>1042</v>
      </c>
      <c r="E22" s="1891"/>
      <c r="F22" s="1891"/>
      <c r="G22" s="1891"/>
      <c r="H22" s="1891"/>
      <c r="I22" s="1700"/>
      <c r="J22" s="1700"/>
      <c r="K22" s="1700"/>
      <c r="L22" s="732" t="s">
        <v>1023</v>
      </c>
      <c r="M22" s="1892" t="s">
        <v>1044</v>
      </c>
      <c r="N22" s="1892"/>
      <c r="O22" s="1892"/>
      <c r="P22" s="1892"/>
      <c r="Q22" s="732"/>
      <c r="R22" s="475" t="s">
        <v>1022</v>
      </c>
    </row>
    <row r="23" spans="2:18" ht="20.25" customHeight="1">
      <c r="B23" s="1673"/>
      <c r="C23" s="1674"/>
      <c r="D23" s="454"/>
      <c r="E23" s="1888" t="s">
        <v>705</v>
      </c>
      <c r="F23" s="1888"/>
      <c r="G23" s="1888"/>
      <c r="H23" s="1888"/>
      <c r="I23" s="1888"/>
      <c r="J23" s="1888"/>
      <c r="K23" s="1888"/>
      <c r="L23" s="748" t="e">
        <f>ROUNDDOWN(F17/E4*100,1)</f>
        <v>#DIV/0!</v>
      </c>
      <c r="M23" s="1887" t="s">
        <v>706</v>
      </c>
      <c r="N23" s="1887"/>
      <c r="O23" s="454"/>
      <c r="P23" s="454"/>
      <c r="Q23" s="736"/>
      <c r="R23" s="455"/>
    </row>
    <row r="24" spans="2:18" ht="20.25" customHeight="1">
      <c r="B24" s="1916"/>
      <c r="C24" s="1917"/>
      <c r="D24" s="456"/>
      <c r="E24" s="456"/>
      <c r="F24" s="456"/>
      <c r="G24" s="456"/>
      <c r="H24" s="456"/>
      <c r="I24" s="456"/>
      <c r="J24" s="734"/>
      <c r="K24" s="456"/>
      <c r="L24" s="456"/>
      <c r="M24" s="456"/>
      <c r="N24" s="456"/>
      <c r="O24" s="456"/>
      <c r="P24" s="456"/>
      <c r="Q24" s="734"/>
      <c r="R24" s="457"/>
    </row>
    <row r="25" spans="2:18" ht="20.25" customHeight="1">
      <c r="B25" s="1900" t="s">
        <v>712</v>
      </c>
      <c r="C25" s="1927"/>
      <c r="D25" s="462" t="s">
        <v>713</v>
      </c>
      <c r="E25" s="1893"/>
      <c r="F25" s="1893"/>
      <c r="G25" s="1893"/>
      <c r="H25" s="1893"/>
      <c r="I25" s="1893"/>
      <c r="J25" s="1893"/>
      <c r="K25" s="454" t="s">
        <v>699</v>
      </c>
      <c r="L25" s="454"/>
      <c r="M25" s="453"/>
      <c r="N25" s="453"/>
      <c r="O25" s="453"/>
      <c r="P25" s="453"/>
      <c r="Q25" s="736"/>
      <c r="R25" s="455"/>
    </row>
    <row r="26" spans="2:18" ht="20.25" customHeight="1">
      <c r="B26" s="1673"/>
      <c r="C26" s="1674"/>
      <c r="D26" s="1894" t="s">
        <v>1045</v>
      </c>
      <c r="E26" s="1888"/>
      <c r="F26" s="1888"/>
      <c r="G26" s="1888"/>
      <c r="H26" s="1888"/>
      <c r="I26" s="1887"/>
      <c r="J26" s="1887"/>
      <c r="K26" s="1887"/>
      <c r="L26" s="1887"/>
      <c r="M26" s="454" t="s">
        <v>714</v>
      </c>
      <c r="N26" s="454"/>
      <c r="O26" s="454"/>
      <c r="P26" s="454"/>
      <c r="Q26" s="736"/>
      <c r="R26" s="455"/>
    </row>
    <row r="27" spans="2:18" ht="20.25" customHeight="1">
      <c r="B27" s="1673"/>
      <c r="C27" s="1674"/>
      <c r="D27" s="736" t="s">
        <v>1040</v>
      </c>
      <c r="E27" s="736"/>
      <c r="F27" s="736"/>
      <c r="G27" s="736"/>
      <c r="H27" s="736"/>
      <c r="I27" s="736"/>
      <c r="J27" s="736"/>
      <c r="K27" s="736"/>
      <c r="L27" s="736"/>
      <c r="M27" s="736"/>
      <c r="N27" s="736"/>
      <c r="O27" s="736"/>
      <c r="P27" s="736"/>
      <c r="Q27" s="736"/>
      <c r="R27" s="455"/>
    </row>
    <row r="28" spans="2:18" ht="20.25" customHeight="1">
      <c r="B28" s="1673"/>
      <c r="C28" s="1674"/>
      <c r="D28" s="454" t="s">
        <v>715</v>
      </c>
      <c r="E28" s="454"/>
      <c r="F28" s="454"/>
      <c r="G28" s="454"/>
      <c r="H28" s="454"/>
      <c r="I28" s="454"/>
      <c r="J28" s="736"/>
      <c r="K28" s="454"/>
      <c r="L28" s="454"/>
      <c r="M28" s="454"/>
      <c r="N28" s="454"/>
      <c r="O28" s="454"/>
      <c r="P28" s="454"/>
      <c r="Q28" s="736"/>
      <c r="R28" s="455"/>
    </row>
    <row r="29" spans="2:18" ht="20.25" customHeight="1">
      <c r="B29" s="1673"/>
      <c r="C29" s="1674"/>
      <c r="D29" s="454" t="s">
        <v>716</v>
      </c>
      <c r="E29" s="454"/>
      <c r="F29" s="454"/>
      <c r="G29" s="454"/>
      <c r="H29" s="454"/>
      <c r="I29" s="454"/>
      <c r="J29" s="736"/>
      <c r="K29" s="454"/>
      <c r="L29" s="454"/>
      <c r="M29" s="454"/>
      <c r="N29" s="454"/>
      <c r="O29" s="454"/>
      <c r="P29" s="454"/>
      <c r="Q29" s="736"/>
      <c r="R29" s="455"/>
    </row>
    <row r="30" spans="2:18" ht="20.25" customHeight="1">
      <c r="B30" s="1673"/>
      <c r="C30" s="1674"/>
      <c r="D30" s="454" t="s">
        <v>717</v>
      </c>
      <c r="E30" s="454"/>
      <c r="F30" s="454"/>
      <c r="G30" s="454"/>
      <c r="H30" s="454"/>
      <c r="I30" s="454"/>
      <c r="J30" s="736"/>
      <c r="K30" s="454"/>
      <c r="L30" s="454"/>
      <c r="M30" s="454"/>
      <c r="N30" s="454"/>
      <c r="O30" s="454"/>
      <c r="P30" s="454"/>
      <c r="Q30" s="736"/>
      <c r="R30" s="455"/>
    </row>
    <row r="31" spans="2:18" ht="20.25" customHeight="1">
      <c r="B31" s="1673"/>
      <c r="C31" s="1674"/>
      <c r="D31" s="454" t="s">
        <v>718</v>
      </c>
      <c r="E31" s="454"/>
      <c r="F31" s="454"/>
      <c r="G31" s="454"/>
      <c r="H31" s="454"/>
      <c r="I31" s="454"/>
      <c r="J31" s="736"/>
      <c r="K31" s="454"/>
      <c r="L31" s="454"/>
      <c r="M31" s="454"/>
      <c r="N31" s="454"/>
      <c r="O31" s="454"/>
      <c r="P31" s="454"/>
      <c r="Q31" s="736"/>
      <c r="R31" s="455"/>
    </row>
    <row r="32" spans="2:18" ht="20.25" customHeight="1">
      <c r="B32" s="1916"/>
      <c r="C32" s="1917"/>
      <c r="D32" s="456"/>
      <c r="E32" s="456"/>
      <c r="F32" s="456" t="s">
        <v>719</v>
      </c>
      <c r="G32" s="456"/>
      <c r="H32" s="456"/>
      <c r="I32" s="456"/>
      <c r="J32" s="734"/>
      <c r="K32" s="456"/>
      <c r="L32" s="456"/>
      <c r="M32" s="456"/>
      <c r="N32" s="456"/>
      <c r="O32" s="456"/>
      <c r="P32" s="456"/>
      <c r="Q32" s="734"/>
      <c r="R32" s="457"/>
    </row>
    <row r="33" spans="2:18" ht="20.25" customHeight="1">
      <c r="B33" s="1928" t="s">
        <v>708</v>
      </c>
      <c r="C33" s="1929"/>
      <c r="D33" s="462"/>
      <c r="E33" s="1896"/>
      <c r="F33" s="1896"/>
      <c r="G33" s="1896"/>
      <c r="H33" s="1895" t="s">
        <v>1036</v>
      </c>
      <c r="I33" s="1895"/>
      <c r="J33" s="1895"/>
      <c r="K33" s="1895"/>
      <c r="L33" s="1895"/>
      <c r="M33" s="1895"/>
      <c r="N33" s="1896"/>
      <c r="O33" s="1896"/>
      <c r="P33" s="1896"/>
      <c r="Q33" s="736" t="s">
        <v>1022</v>
      </c>
      <c r="R33" s="455"/>
    </row>
    <row r="34" spans="2:18" ht="20.25" customHeight="1">
      <c r="B34" s="1925" t="s">
        <v>720</v>
      </c>
      <c r="C34" s="1926"/>
      <c r="D34" s="454"/>
      <c r="E34" s="1897" t="s">
        <v>1037</v>
      </c>
      <c r="F34" s="1897"/>
      <c r="G34" s="1897"/>
      <c r="H34" s="1897"/>
      <c r="I34" s="1897"/>
      <c r="J34" s="1897"/>
      <c r="K34" s="1897"/>
      <c r="L34" s="1897"/>
      <c r="M34" s="454"/>
      <c r="N34" s="454"/>
      <c r="O34" s="454"/>
      <c r="P34" s="454"/>
      <c r="Q34" s="736"/>
      <c r="R34" s="455"/>
    </row>
    <row r="35" spans="2:18" ht="20.25" customHeight="1" thickBot="1">
      <c r="B35" s="463"/>
      <c r="C35" s="464"/>
      <c r="D35" s="465"/>
      <c r="E35" s="1889" t="s">
        <v>1038</v>
      </c>
      <c r="F35" s="1889"/>
      <c r="G35" s="1889"/>
      <c r="H35" s="1889"/>
      <c r="I35" s="1889"/>
      <c r="J35" s="1889"/>
      <c r="K35" s="1889"/>
      <c r="L35" s="1889"/>
      <c r="M35" s="1889" t="s">
        <v>1039</v>
      </c>
      <c r="N35" s="1889"/>
      <c r="O35" s="1889"/>
      <c r="P35" s="1889"/>
      <c r="Q35" s="465"/>
      <c r="R35" s="466"/>
    </row>
    <row r="36" spans="2:18" ht="19.5" customHeight="1">
      <c r="B36" s="467"/>
      <c r="C36" s="447"/>
      <c r="D36" s="447"/>
      <c r="E36" s="454"/>
      <c r="F36" s="447"/>
      <c r="G36" s="447"/>
      <c r="H36" s="447"/>
      <c r="I36" s="447"/>
      <c r="J36" s="447"/>
      <c r="K36" s="447"/>
      <c r="L36" s="447"/>
      <c r="M36" s="447"/>
      <c r="N36" s="447"/>
      <c r="O36" s="447"/>
      <c r="P36" s="447"/>
      <c r="Q36" s="447"/>
      <c r="R36" s="447"/>
    </row>
    <row r="37" spans="2:18" ht="19.5" customHeight="1">
      <c r="B37" s="467"/>
      <c r="C37" s="447"/>
      <c r="D37" s="447"/>
      <c r="E37" s="454"/>
      <c r="F37" s="447"/>
      <c r="G37" s="447"/>
      <c r="H37" s="447"/>
      <c r="I37" s="447"/>
      <c r="J37" s="447"/>
      <c r="K37" s="447"/>
      <c r="L37" s="447"/>
      <c r="M37" s="447"/>
      <c r="N37" s="447"/>
      <c r="O37" s="447"/>
      <c r="P37" s="447"/>
      <c r="Q37" s="447"/>
      <c r="R37" s="447"/>
    </row>
  </sheetData>
  <mergeCells count="58">
    <mergeCell ref="M14:P14"/>
    <mergeCell ref="B34:C34"/>
    <mergeCell ref="B15:C15"/>
    <mergeCell ref="B17:C24"/>
    <mergeCell ref="K18:L18"/>
    <mergeCell ref="B25:C32"/>
    <mergeCell ref="I26:L26"/>
    <mergeCell ref="B33:C33"/>
    <mergeCell ref="E33:G33"/>
    <mergeCell ref="D15:H15"/>
    <mergeCell ref="D21:H21"/>
    <mergeCell ref="I21:K21"/>
    <mergeCell ref="M21:P21"/>
    <mergeCell ref="D20:G20"/>
    <mergeCell ref="D18:J18"/>
    <mergeCell ref="H20:L20"/>
    <mergeCell ref="B8:C12"/>
    <mergeCell ref="E8:I8"/>
    <mergeCell ref="E13:I13"/>
    <mergeCell ref="B14:C14"/>
    <mergeCell ref="D14:H14"/>
    <mergeCell ref="I14:K14"/>
    <mergeCell ref="D9:G9"/>
    <mergeCell ref="H9:K9"/>
    <mergeCell ref="E10:K10"/>
    <mergeCell ref="B4:C5"/>
    <mergeCell ref="D4:D5"/>
    <mergeCell ref="E4:I5"/>
    <mergeCell ref="K4:K5"/>
    <mergeCell ref="L4:O5"/>
    <mergeCell ref="B6:C7"/>
    <mergeCell ref="D6:D7"/>
    <mergeCell ref="E6:I7"/>
    <mergeCell ref="K6:K7"/>
    <mergeCell ref="L6:O7"/>
    <mergeCell ref="E19:I19"/>
    <mergeCell ref="M19:N19"/>
    <mergeCell ref="I15:K15"/>
    <mergeCell ref="M15:P15"/>
    <mergeCell ref="F16:K16"/>
    <mergeCell ref="D17:E17"/>
    <mergeCell ref="F17:J17"/>
    <mergeCell ref="L10:N10"/>
    <mergeCell ref="M11:N11"/>
    <mergeCell ref="E11:K11"/>
    <mergeCell ref="E35:L35"/>
    <mergeCell ref="M35:P35"/>
    <mergeCell ref="D22:H22"/>
    <mergeCell ref="I22:K22"/>
    <mergeCell ref="M22:P22"/>
    <mergeCell ref="M23:N23"/>
    <mergeCell ref="E23:K23"/>
    <mergeCell ref="E25:J25"/>
    <mergeCell ref="D26:H26"/>
    <mergeCell ref="H33:M33"/>
    <mergeCell ref="N33:P33"/>
    <mergeCell ref="E34:L34"/>
    <mergeCell ref="J19:L19"/>
  </mergeCells>
  <phoneticPr fontId="3"/>
  <printOptions horizontalCentered="1" verticalCentered="1"/>
  <pageMargins left="0.59055118110236227" right="0.78740157480314965" top="0.59055118110236227" bottom="0.59055118110236227" header="0.51181102362204722" footer="0.51181102362204722"/>
  <pageSetup paperSize="9" scale="8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5537" r:id="rId4" name="Check Box 1">
              <controlPr defaultSize="0" autoFill="0" autoLine="0" autoPict="0">
                <anchor moveWithCells="1">
                  <from>
                    <xdr:col>12</xdr:col>
                    <xdr:colOff>106680</xdr:colOff>
                    <xdr:row>15</xdr:row>
                    <xdr:rowOff>45720</xdr:rowOff>
                  </from>
                  <to>
                    <xdr:col>13</xdr:col>
                    <xdr:colOff>190500</xdr:colOff>
                    <xdr:row>16</xdr:row>
                    <xdr:rowOff>0</xdr:rowOff>
                  </to>
                </anchor>
              </controlPr>
            </control>
          </mc:Choice>
        </mc:AlternateContent>
        <mc:AlternateContent xmlns:mc="http://schemas.openxmlformats.org/markup-compatibility/2006">
          <mc:Choice Requires="x14">
            <control shapeId="65538" r:id="rId5" name="Check Box 2">
              <controlPr defaultSize="0" autoFill="0" autoLine="0" autoPict="0">
                <anchor moveWithCells="1">
                  <from>
                    <xdr:col>11</xdr:col>
                    <xdr:colOff>45720</xdr:colOff>
                    <xdr:row>15</xdr:row>
                    <xdr:rowOff>22860</xdr:rowOff>
                  </from>
                  <to>
                    <xdr:col>11</xdr:col>
                    <xdr:colOff>441960</xdr:colOff>
                    <xdr:row>16</xdr:row>
                    <xdr:rowOff>7620</xdr:rowOff>
                  </to>
                </anchor>
              </controlPr>
            </control>
          </mc:Choice>
        </mc:AlternateContent>
        <mc:AlternateContent xmlns:mc="http://schemas.openxmlformats.org/markup-compatibility/2006">
          <mc:Choice Requires="x14">
            <control shapeId="65539" r:id="rId6" name="Check Box 3">
              <controlPr defaultSize="0" autoFill="0" autoLine="0" autoPict="0">
                <anchor moveWithCells="1">
                  <from>
                    <xdr:col>13</xdr:col>
                    <xdr:colOff>259080</xdr:colOff>
                    <xdr:row>27</xdr:row>
                    <xdr:rowOff>45720</xdr:rowOff>
                  </from>
                  <to>
                    <xdr:col>14</xdr:col>
                    <xdr:colOff>297180</xdr:colOff>
                    <xdr:row>28</xdr:row>
                    <xdr:rowOff>0</xdr:rowOff>
                  </to>
                </anchor>
              </controlPr>
            </control>
          </mc:Choice>
        </mc:AlternateContent>
        <mc:AlternateContent xmlns:mc="http://schemas.openxmlformats.org/markup-compatibility/2006">
          <mc:Choice Requires="x14">
            <control shapeId="65540" r:id="rId7" name="Check Box 4">
              <controlPr defaultSize="0" autoFill="0" autoLine="0" autoPict="0">
                <anchor moveWithCells="1">
                  <from>
                    <xdr:col>12</xdr:col>
                    <xdr:colOff>45720</xdr:colOff>
                    <xdr:row>27</xdr:row>
                    <xdr:rowOff>22860</xdr:rowOff>
                  </from>
                  <to>
                    <xdr:col>13</xdr:col>
                    <xdr:colOff>144780</xdr:colOff>
                    <xdr:row>28</xdr:row>
                    <xdr:rowOff>7620</xdr:rowOff>
                  </to>
                </anchor>
              </controlPr>
            </control>
          </mc:Choice>
        </mc:AlternateContent>
        <mc:AlternateContent xmlns:mc="http://schemas.openxmlformats.org/markup-compatibility/2006">
          <mc:Choice Requires="x14">
            <control shapeId="65541" r:id="rId8" name="Check Box 5">
              <controlPr defaultSize="0" autoFill="0" autoLine="0" autoPict="0">
                <anchor moveWithCells="1">
                  <from>
                    <xdr:col>13</xdr:col>
                    <xdr:colOff>259080</xdr:colOff>
                    <xdr:row>28</xdr:row>
                    <xdr:rowOff>45720</xdr:rowOff>
                  </from>
                  <to>
                    <xdr:col>14</xdr:col>
                    <xdr:colOff>297180</xdr:colOff>
                    <xdr:row>29</xdr:row>
                    <xdr:rowOff>0</xdr:rowOff>
                  </to>
                </anchor>
              </controlPr>
            </control>
          </mc:Choice>
        </mc:AlternateContent>
        <mc:AlternateContent xmlns:mc="http://schemas.openxmlformats.org/markup-compatibility/2006">
          <mc:Choice Requires="x14">
            <control shapeId="65542" r:id="rId9" name="Check Box 6">
              <controlPr defaultSize="0" autoFill="0" autoLine="0" autoPict="0">
                <anchor moveWithCells="1">
                  <from>
                    <xdr:col>12</xdr:col>
                    <xdr:colOff>45720</xdr:colOff>
                    <xdr:row>28</xdr:row>
                    <xdr:rowOff>22860</xdr:rowOff>
                  </from>
                  <to>
                    <xdr:col>13</xdr:col>
                    <xdr:colOff>144780</xdr:colOff>
                    <xdr:row>29</xdr:row>
                    <xdr:rowOff>7620</xdr:rowOff>
                  </to>
                </anchor>
              </controlPr>
            </control>
          </mc:Choice>
        </mc:AlternateContent>
        <mc:AlternateContent xmlns:mc="http://schemas.openxmlformats.org/markup-compatibility/2006">
          <mc:Choice Requires="x14">
            <control shapeId="65543" r:id="rId10" name="Check Box 7">
              <controlPr defaultSize="0" autoFill="0" autoLine="0" autoPict="0">
                <anchor moveWithCells="1">
                  <from>
                    <xdr:col>13</xdr:col>
                    <xdr:colOff>259080</xdr:colOff>
                    <xdr:row>29</xdr:row>
                    <xdr:rowOff>45720</xdr:rowOff>
                  </from>
                  <to>
                    <xdr:col>14</xdr:col>
                    <xdr:colOff>297180</xdr:colOff>
                    <xdr:row>30</xdr:row>
                    <xdr:rowOff>0</xdr:rowOff>
                  </to>
                </anchor>
              </controlPr>
            </control>
          </mc:Choice>
        </mc:AlternateContent>
        <mc:AlternateContent xmlns:mc="http://schemas.openxmlformats.org/markup-compatibility/2006">
          <mc:Choice Requires="x14">
            <control shapeId="65544" r:id="rId11" name="Check Box 8">
              <controlPr defaultSize="0" autoFill="0" autoLine="0" autoPict="0">
                <anchor moveWithCells="1">
                  <from>
                    <xdr:col>12</xdr:col>
                    <xdr:colOff>45720</xdr:colOff>
                    <xdr:row>29</xdr:row>
                    <xdr:rowOff>22860</xdr:rowOff>
                  </from>
                  <to>
                    <xdr:col>13</xdr:col>
                    <xdr:colOff>144780</xdr:colOff>
                    <xdr:row>30</xdr:row>
                    <xdr:rowOff>7620</xdr:rowOff>
                  </to>
                </anchor>
              </controlPr>
            </control>
          </mc:Choice>
        </mc:AlternateContent>
        <mc:AlternateContent xmlns:mc="http://schemas.openxmlformats.org/markup-compatibility/2006">
          <mc:Choice Requires="x14">
            <control shapeId="65545" r:id="rId12" name="Check Box 9">
              <controlPr defaultSize="0" autoFill="0" autoLine="0" autoPict="0">
                <anchor moveWithCells="1">
                  <from>
                    <xdr:col>13</xdr:col>
                    <xdr:colOff>259080</xdr:colOff>
                    <xdr:row>30</xdr:row>
                    <xdr:rowOff>45720</xdr:rowOff>
                  </from>
                  <to>
                    <xdr:col>14</xdr:col>
                    <xdr:colOff>297180</xdr:colOff>
                    <xdr:row>31</xdr:row>
                    <xdr:rowOff>0</xdr:rowOff>
                  </to>
                </anchor>
              </controlPr>
            </control>
          </mc:Choice>
        </mc:AlternateContent>
        <mc:AlternateContent xmlns:mc="http://schemas.openxmlformats.org/markup-compatibility/2006">
          <mc:Choice Requires="x14">
            <control shapeId="65546" r:id="rId13" name="Check Box 10">
              <controlPr defaultSize="0" autoFill="0" autoLine="0" autoPict="0">
                <anchor moveWithCells="1">
                  <from>
                    <xdr:col>12</xdr:col>
                    <xdr:colOff>45720</xdr:colOff>
                    <xdr:row>30</xdr:row>
                    <xdr:rowOff>22860</xdr:rowOff>
                  </from>
                  <to>
                    <xdr:col>13</xdr:col>
                    <xdr:colOff>144780</xdr:colOff>
                    <xdr:row>31</xdr:row>
                    <xdr:rowOff>7620</xdr:rowOff>
                  </to>
                </anchor>
              </controlPr>
            </control>
          </mc:Choice>
        </mc:AlternateContent>
        <mc:AlternateContent xmlns:mc="http://schemas.openxmlformats.org/markup-compatibility/2006">
          <mc:Choice Requires="x14">
            <control shapeId="65547" r:id="rId14" name="Check Box 11">
              <controlPr defaultSize="0" autoFill="0" autoLine="0" autoPict="0">
                <anchor moveWithCells="1">
                  <from>
                    <xdr:col>4</xdr:col>
                    <xdr:colOff>220980</xdr:colOff>
                    <xdr:row>32</xdr:row>
                    <xdr:rowOff>30480</xdr:rowOff>
                  </from>
                  <to>
                    <xdr:col>6</xdr:col>
                    <xdr:colOff>68580</xdr:colOff>
                    <xdr:row>32</xdr:row>
                    <xdr:rowOff>236220</xdr:rowOff>
                  </to>
                </anchor>
              </controlPr>
            </control>
          </mc:Choice>
        </mc:AlternateContent>
        <mc:AlternateContent xmlns:mc="http://schemas.openxmlformats.org/markup-compatibility/2006">
          <mc:Choice Requires="x14">
            <control shapeId="65548" r:id="rId15" name="Check Box 12">
              <controlPr defaultSize="0" autoFill="0" autoLine="0" autoPict="0">
                <anchor moveWithCells="1">
                  <from>
                    <xdr:col>3</xdr:col>
                    <xdr:colOff>205740</xdr:colOff>
                    <xdr:row>32</xdr:row>
                    <xdr:rowOff>7620</xdr:rowOff>
                  </from>
                  <to>
                    <xdr:col>4</xdr:col>
                    <xdr:colOff>106680</xdr:colOff>
                    <xdr:row>32</xdr:row>
                    <xdr:rowOff>243840</xdr:rowOff>
                  </to>
                </anchor>
              </controlPr>
            </control>
          </mc:Choice>
        </mc:AlternateContent>
        <mc:AlternateContent xmlns:mc="http://schemas.openxmlformats.org/markup-compatibility/2006">
          <mc:Choice Requires="x14">
            <control shapeId="65549" r:id="rId16" name="Check Box 13">
              <controlPr defaultSize="0" autoFill="0" autoLine="0" autoPict="0">
                <anchor moveWithCells="1">
                  <from>
                    <xdr:col>13</xdr:col>
                    <xdr:colOff>220980</xdr:colOff>
                    <xdr:row>33</xdr:row>
                    <xdr:rowOff>38100</xdr:rowOff>
                  </from>
                  <to>
                    <xdr:col>14</xdr:col>
                    <xdr:colOff>259080</xdr:colOff>
                    <xdr:row>33</xdr:row>
                    <xdr:rowOff>243840</xdr:rowOff>
                  </to>
                </anchor>
              </controlPr>
            </control>
          </mc:Choice>
        </mc:AlternateContent>
        <mc:AlternateContent xmlns:mc="http://schemas.openxmlformats.org/markup-compatibility/2006">
          <mc:Choice Requires="x14">
            <control shapeId="65550" r:id="rId17" name="Check Box 14">
              <controlPr defaultSize="0" autoFill="0" autoLine="0" autoPict="0">
                <anchor moveWithCells="1">
                  <from>
                    <xdr:col>12</xdr:col>
                    <xdr:colOff>7620</xdr:colOff>
                    <xdr:row>33</xdr:row>
                    <xdr:rowOff>15240</xdr:rowOff>
                  </from>
                  <to>
                    <xdr:col>13</xdr:col>
                    <xdr:colOff>106680</xdr:colOff>
                    <xdr:row>34</xdr:row>
                    <xdr:rowOff>0</xdr:rowOff>
                  </to>
                </anchor>
              </controlPr>
            </control>
          </mc:Choice>
        </mc:AlternateContent>
      </controls>
    </mc:Choice>
  </mc:AlternateContent>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AA29"/>
  <sheetViews>
    <sheetView showGridLines="0" view="pageBreakPreview" zoomScaleNormal="100" zoomScaleSheetLayoutView="100" workbookViewId="0">
      <selection activeCell="B20" sqref="B20"/>
    </sheetView>
  </sheetViews>
  <sheetFormatPr defaultColWidth="5" defaultRowHeight="12"/>
  <cols>
    <col min="1" max="16384" width="5" style="468"/>
  </cols>
  <sheetData>
    <row r="1" spans="1:27" ht="19.5" customHeight="1">
      <c r="B1" s="468" t="s">
        <v>721</v>
      </c>
    </row>
    <row r="2" spans="1:27" ht="19.5" customHeight="1">
      <c r="B2" s="581" t="s">
        <v>722</v>
      </c>
      <c r="C2" s="582"/>
      <c r="D2" s="582"/>
      <c r="E2" s="582"/>
      <c r="F2" s="582"/>
      <c r="G2" s="582"/>
      <c r="H2" s="582"/>
      <c r="I2" s="582"/>
      <c r="J2" s="582"/>
      <c r="K2" s="582"/>
      <c r="L2" s="582"/>
      <c r="M2" s="582"/>
      <c r="N2" s="582"/>
      <c r="O2" s="582"/>
    </row>
    <row r="3" spans="1:27">
      <c r="B3" s="581" t="s">
        <v>1083</v>
      </c>
      <c r="C3" s="581"/>
      <c r="D3" s="581"/>
      <c r="E3" s="581"/>
      <c r="F3" s="581"/>
      <c r="G3" s="581"/>
      <c r="H3" s="581"/>
      <c r="I3" s="581"/>
      <c r="J3" s="581"/>
      <c r="K3" s="581"/>
      <c r="L3" s="581"/>
      <c r="M3" s="581"/>
      <c r="N3" s="581"/>
      <c r="O3" s="581"/>
    </row>
    <row r="4" spans="1:27">
      <c r="B4" s="468" t="s">
        <v>850</v>
      </c>
    </row>
    <row r="5" spans="1:27">
      <c r="B5" s="468" t="s">
        <v>723</v>
      </c>
    </row>
    <row r="6" spans="1:27" ht="4.5" customHeight="1" thickBot="1"/>
    <row r="7" spans="1:27" ht="19.5" customHeight="1">
      <c r="B7" s="1955" t="s">
        <v>724</v>
      </c>
      <c r="C7" s="1956"/>
      <c r="D7" s="1956"/>
      <c r="E7" s="1956"/>
      <c r="F7" s="1957"/>
      <c r="G7" s="1935" t="s">
        <v>725</v>
      </c>
      <c r="H7" s="1937"/>
      <c r="I7" s="1936"/>
      <c r="J7" s="1958" t="s">
        <v>726</v>
      </c>
      <c r="K7" s="1956"/>
      <c r="L7" s="1957"/>
      <c r="M7" s="1959" t="s">
        <v>727</v>
      </c>
      <c r="N7" s="1960"/>
      <c r="O7" s="1935" t="s">
        <v>728</v>
      </c>
      <c r="P7" s="1936"/>
      <c r="Q7" s="1935" t="s">
        <v>729</v>
      </c>
      <c r="R7" s="1937"/>
      <c r="S7" s="1937"/>
      <c r="T7" s="1937"/>
      <c r="U7" s="1936"/>
      <c r="V7" s="1935" t="s">
        <v>730</v>
      </c>
      <c r="W7" s="1936"/>
      <c r="X7" s="1935" t="s">
        <v>731</v>
      </c>
      <c r="Y7" s="1937"/>
      <c r="Z7" s="1937"/>
      <c r="AA7" s="1938"/>
    </row>
    <row r="8" spans="1:27" ht="29.25" customHeight="1">
      <c r="B8" s="1939"/>
      <c r="C8" s="1940"/>
      <c r="D8" s="1940"/>
      <c r="E8" s="1940"/>
      <c r="F8" s="1941"/>
      <c r="G8" s="1942"/>
      <c r="H8" s="1943"/>
      <c r="I8" s="1944"/>
      <c r="J8" s="1945"/>
      <c r="K8" s="1946"/>
      <c r="L8" s="1947"/>
      <c r="M8" s="1948" t="s">
        <v>732</v>
      </c>
      <c r="N8" s="1949"/>
      <c r="O8" s="1950" t="s">
        <v>733</v>
      </c>
      <c r="P8" s="1951"/>
      <c r="Q8" s="1948" t="s">
        <v>734</v>
      </c>
      <c r="R8" s="1952"/>
      <c r="S8" s="1952"/>
      <c r="T8" s="1952"/>
      <c r="U8" s="1949"/>
      <c r="V8" s="1950" t="s">
        <v>735</v>
      </c>
      <c r="W8" s="1951"/>
      <c r="X8" s="1950" t="s">
        <v>736</v>
      </c>
      <c r="Y8" s="1953"/>
      <c r="Z8" s="1953"/>
      <c r="AA8" s="1954"/>
    </row>
    <row r="9" spans="1:27" ht="29.25" customHeight="1">
      <c r="B9" s="1939"/>
      <c r="C9" s="1940"/>
      <c r="D9" s="1940"/>
      <c r="E9" s="1940"/>
      <c r="F9" s="1941"/>
      <c r="G9" s="1942"/>
      <c r="H9" s="1943"/>
      <c r="I9" s="1944"/>
      <c r="J9" s="1945"/>
      <c r="K9" s="1946"/>
      <c r="L9" s="1947"/>
      <c r="M9" s="1948" t="s">
        <v>732</v>
      </c>
      <c r="N9" s="1949"/>
      <c r="O9" s="1950" t="s">
        <v>733</v>
      </c>
      <c r="P9" s="1951"/>
      <c r="Q9" s="1948" t="s">
        <v>734</v>
      </c>
      <c r="R9" s="1952"/>
      <c r="S9" s="1952"/>
      <c r="T9" s="1952"/>
      <c r="U9" s="1949"/>
      <c r="V9" s="1950" t="s">
        <v>735</v>
      </c>
      <c r="W9" s="1951"/>
      <c r="X9" s="1950" t="s">
        <v>736</v>
      </c>
      <c r="Y9" s="1953"/>
      <c r="Z9" s="1953"/>
      <c r="AA9" s="1954"/>
    </row>
    <row r="10" spans="1:27" ht="29.25" customHeight="1">
      <c r="B10" s="1939"/>
      <c r="C10" s="1940"/>
      <c r="D10" s="1940"/>
      <c r="E10" s="1940"/>
      <c r="F10" s="1941"/>
      <c r="G10" s="1942"/>
      <c r="H10" s="1943"/>
      <c r="I10" s="1944"/>
      <c r="J10" s="1945"/>
      <c r="K10" s="1946"/>
      <c r="L10" s="1947"/>
      <c r="M10" s="1948" t="s">
        <v>732</v>
      </c>
      <c r="N10" s="1949"/>
      <c r="O10" s="1950" t="s">
        <v>733</v>
      </c>
      <c r="P10" s="1951"/>
      <c r="Q10" s="1948" t="s">
        <v>734</v>
      </c>
      <c r="R10" s="1952"/>
      <c r="S10" s="1952"/>
      <c r="T10" s="1952"/>
      <c r="U10" s="1949"/>
      <c r="V10" s="1950" t="s">
        <v>735</v>
      </c>
      <c r="W10" s="1951"/>
      <c r="X10" s="1950" t="s">
        <v>736</v>
      </c>
      <c r="Y10" s="1953"/>
      <c r="Z10" s="1953"/>
      <c r="AA10" s="1954"/>
    </row>
    <row r="11" spans="1:27" ht="29.25" customHeight="1">
      <c r="B11" s="1939"/>
      <c r="C11" s="1940"/>
      <c r="D11" s="1940"/>
      <c r="E11" s="1940"/>
      <c r="F11" s="1941"/>
      <c r="G11" s="1942"/>
      <c r="H11" s="1943"/>
      <c r="I11" s="1944"/>
      <c r="J11" s="1945"/>
      <c r="K11" s="1946"/>
      <c r="L11" s="1947"/>
      <c r="M11" s="1948" t="s">
        <v>732</v>
      </c>
      <c r="N11" s="1949"/>
      <c r="O11" s="1950" t="s">
        <v>733</v>
      </c>
      <c r="P11" s="1951"/>
      <c r="Q11" s="1948" t="s">
        <v>734</v>
      </c>
      <c r="R11" s="1952"/>
      <c r="S11" s="1952"/>
      <c r="T11" s="1952"/>
      <c r="U11" s="1949"/>
      <c r="V11" s="1950" t="s">
        <v>735</v>
      </c>
      <c r="W11" s="1951"/>
      <c r="X11" s="1950" t="s">
        <v>736</v>
      </c>
      <c r="Y11" s="1953"/>
      <c r="Z11" s="1953"/>
      <c r="AA11" s="1954"/>
    </row>
    <row r="12" spans="1:27" ht="29.25" customHeight="1" thickBot="1">
      <c r="A12" s="469"/>
      <c r="B12" s="1961"/>
      <c r="C12" s="1962"/>
      <c r="D12" s="1962"/>
      <c r="E12" s="1962"/>
      <c r="F12" s="1963"/>
      <c r="G12" s="1964"/>
      <c r="H12" s="1965"/>
      <c r="I12" s="1966"/>
      <c r="J12" s="1967"/>
      <c r="K12" s="1968"/>
      <c r="L12" s="1969"/>
      <c r="M12" s="1970" t="s">
        <v>732</v>
      </c>
      <c r="N12" s="1971"/>
      <c r="O12" s="1972" t="s">
        <v>733</v>
      </c>
      <c r="P12" s="1973"/>
      <c r="Q12" s="1970" t="s">
        <v>734</v>
      </c>
      <c r="R12" s="1974"/>
      <c r="S12" s="1974"/>
      <c r="T12" s="1974"/>
      <c r="U12" s="1971"/>
      <c r="V12" s="1972" t="s">
        <v>735</v>
      </c>
      <c r="W12" s="1973"/>
      <c r="X12" s="1972" t="s">
        <v>736</v>
      </c>
      <c r="Y12" s="1975"/>
      <c r="Z12" s="1975"/>
      <c r="AA12" s="1976"/>
    </row>
    <row r="13" spans="1:27">
      <c r="A13" s="581"/>
      <c r="B13" s="582" t="s">
        <v>737</v>
      </c>
      <c r="C13" s="582"/>
      <c r="D13" s="582"/>
      <c r="E13" s="582"/>
      <c r="F13" s="582"/>
      <c r="G13" s="582"/>
      <c r="H13" s="582"/>
      <c r="I13" s="582"/>
      <c r="J13" s="582"/>
      <c r="K13" s="582"/>
      <c r="L13" s="582"/>
      <c r="M13" s="582"/>
      <c r="N13" s="582"/>
      <c r="O13" s="582"/>
      <c r="P13" s="582"/>
      <c r="Q13" s="582"/>
      <c r="R13" s="582"/>
      <c r="S13" s="582"/>
      <c r="T13" s="582"/>
      <c r="U13" s="582"/>
      <c r="V13" s="582"/>
    </row>
    <row r="14" spans="1:27">
      <c r="A14" s="470"/>
      <c r="B14" s="471" t="s">
        <v>738</v>
      </c>
      <c r="C14" s="471"/>
      <c r="D14" s="471"/>
      <c r="E14" s="470"/>
      <c r="F14" s="470"/>
      <c r="G14" s="470"/>
      <c r="H14" s="470"/>
      <c r="I14" s="470"/>
      <c r="J14" s="470"/>
      <c r="K14" s="470"/>
      <c r="L14" s="470"/>
      <c r="M14" s="470"/>
      <c r="N14" s="470"/>
      <c r="O14" s="470"/>
      <c r="P14" s="470"/>
      <c r="Q14" s="470"/>
      <c r="R14" s="470"/>
      <c r="S14" s="470"/>
      <c r="T14" s="470"/>
      <c r="U14" s="470"/>
      <c r="V14" s="470"/>
      <c r="W14" s="470"/>
      <c r="X14" s="470"/>
      <c r="Y14" s="470"/>
      <c r="Z14" s="470"/>
      <c r="AA14" s="470"/>
    </row>
    <row r="15" spans="1:27">
      <c r="A15" s="470"/>
      <c r="B15" s="471" t="s">
        <v>739</v>
      </c>
      <c r="C15" s="471"/>
      <c r="D15" s="471"/>
      <c r="E15" s="470"/>
      <c r="F15" s="470"/>
      <c r="G15" s="470"/>
      <c r="H15" s="470"/>
      <c r="I15" s="470"/>
      <c r="J15" s="470"/>
      <c r="K15" s="470"/>
      <c r="L15" s="470"/>
      <c r="M15" s="470"/>
      <c r="N15" s="470"/>
      <c r="O15" s="470"/>
      <c r="P15" s="470"/>
      <c r="Q15" s="470"/>
      <c r="R15" s="470"/>
      <c r="S15" s="470"/>
      <c r="T15" s="470"/>
      <c r="U15" s="470"/>
      <c r="V15" s="470"/>
      <c r="W15" s="470"/>
      <c r="X15" s="470"/>
      <c r="Y15" s="470"/>
      <c r="Z15" s="470"/>
      <c r="AA15" s="470"/>
    </row>
    <row r="16" spans="1:27">
      <c r="A16" s="470"/>
      <c r="B16" s="471" t="s">
        <v>740</v>
      </c>
      <c r="C16" s="471"/>
      <c r="D16" s="471"/>
      <c r="E16" s="470"/>
      <c r="F16" s="470"/>
      <c r="G16" s="470"/>
      <c r="H16" s="470"/>
      <c r="I16" s="470"/>
      <c r="J16" s="470"/>
      <c r="K16" s="470"/>
      <c r="L16" s="470"/>
      <c r="M16" s="470"/>
      <c r="N16" s="470"/>
      <c r="O16" s="470"/>
      <c r="P16" s="470"/>
      <c r="Q16" s="470"/>
      <c r="R16" s="470"/>
      <c r="S16" s="470"/>
      <c r="T16" s="470"/>
      <c r="U16" s="470"/>
      <c r="V16" s="470"/>
      <c r="W16" s="470"/>
      <c r="X16" s="470"/>
      <c r="Y16" s="470"/>
      <c r="Z16" s="470"/>
      <c r="AA16" s="470"/>
    </row>
    <row r="17" spans="1:27">
      <c r="A17" s="470"/>
      <c r="B17" s="471" t="s">
        <v>741</v>
      </c>
      <c r="C17" s="471"/>
      <c r="D17" s="471"/>
      <c r="E17" s="470"/>
      <c r="F17" s="470"/>
      <c r="G17" s="470"/>
      <c r="H17" s="470"/>
      <c r="I17" s="470"/>
      <c r="J17" s="470"/>
      <c r="K17" s="470"/>
      <c r="L17" s="470"/>
      <c r="M17" s="470"/>
      <c r="N17" s="470"/>
      <c r="O17" s="470"/>
      <c r="P17" s="470"/>
      <c r="Q17" s="470"/>
      <c r="R17" s="470"/>
      <c r="S17" s="470"/>
      <c r="T17" s="470"/>
      <c r="U17" s="470"/>
      <c r="V17" s="470"/>
      <c r="W17" s="470"/>
      <c r="X17" s="470"/>
      <c r="Y17" s="470"/>
      <c r="Z17" s="470"/>
      <c r="AA17" s="470"/>
    </row>
    <row r="18" spans="1:27">
      <c r="A18" s="470"/>
      <c r="B18" s="471"/>
      <c r="C18" s="471"/>
      <c r="D18" s="471"/>
      <c r="E18" s="470"/>
      <c r="F18" s="470"/>
      <c r="G18" s="470"/>
      <c r="H18" s="470"/>
      <c r="I18" s="470"/>
      <c r="J18" s="470"/>
      <c r="K18" s="470"/>
      <c r="L18" s="470"/>
      <c r="M18" s="470"/>
      <c r="N18" s="470"/>
      <c r="O18" s="470"/>
      <c r="P18" s="470"/>
      <c r="Q18" s="470"/>
      <c r="R18" s="470"/>
      <c r="S18" s="470"/>
      <c r="T18" s="470"/>
      <c r="U18" s="470"/>
      <c r="V18" s="470"/>
      <c r="W18" s="470"/>
      <c r="X18" s="470"/>
      <c r="Y18" s="470"/>
      <c r="Z18" s="470"/>
      <c r="AA18" s="470"/>
    </row>
    <row r="19" spans="1:27" ht="19.5" customHeight="1">
      <c r="B19" s="581" t="s">
        <v>742</v>
      </c>
      <c r="C19" s="582"/>
      <c r="D19" s="582"/>
      <c r="E19" s="582"/>
      <c r="F19" s="582"/>
      <c r="G19" s="582"/>
      <c r="H19" s="582"/>
      <c r="I19" s="582"/>
      <c r="J19" s="582"/>
      <c r="K19" s="582"/>
      <c r="L19" s="582"/>
      <c r="M19" s="582"/>
      <c r="N19" s="582"/>
    </row>
    <row r="20" spans="1:27">
      <c r="B20" s="581" t="s">
        <v>1084</v>
      </c>
      <c r="C20" s="581"/>
      <c r="D20" s="581"/>
      <c r="E20" s="581"/>
      <c r="F20" s="581"/>
      <c r="G20" s="581"/>
      <c r="H20" s="581"/>
      <c r="I20" s="581"/>
      <c r="J20" s="581"/>
      <c r="K20" s="581"/>
      <c r="L20" s="581"/>
      <c r="M20" s="581"/>
      <c r="N20" s="581"/>
      <c r="O20" s="581"/>
    </row>
    <row r="21" spans="1:27" ht="4.5" customHeight="1" thickBot="1">
      <c r="B21" s="581"/>
      <c r="C21" s="581"/>
      <c r="D21" s="581"/>
      <c r="E21" s="581"/>
      <c r="F21" s="581"/>
      <c r="G21" s="581"/>
      <c r="H21" s="581"/>
      <c r="I21" s="581"/>
      <c r="J21" s="581"/>
      <c r="K21" s="581"/>
      <c r="L21" s="581"/>
      <c r="M21" s="581"/>
      <c r="N21" s="581"/>
      <c r="O21" s="581"/>
    </row>
    <row r="22" spans="1:27" ht="19.5" customHeight="1">
      <c r="B22" s="1955" t="s">
        <v>724</v>
      </c>
      <c r="C22" s="1956"/>
      <c r="D22" s="1956"/>
      <c r="E22" s="1956"/>
      <c r="F22" s="1957"/>
      <c r="G22" s="1935" t="s">
        <v>725</v>
      </c>
      <c r="H22" s="1937"/>
      <c r="I22" s="1936"/>
      <c r="J22" s="1958" t="s">
        <v>726</v>
      </c>
      <c r="K22" s="1956"/>
      <c r="L22" s="1957"/>
      <c r="M22" s="1959" t="s">
        <v>743</v>
      </c>
      <c r="N22" s="1960"/>
      <c r="O22" s="1977" t="s">
        <v>744</v>
      </c>
      <c r="P22" s="1978"/>
      <c r="Q22" s="1935" t="s">
        <v>745</v>
      </c>
      <c r="R22" s="1936"/>
      <c r="S22" s="1935" t="s">
        <v>728</v>
      </c>
      <c r="T22" s="1936"/>
      <c r="U22" s="1935" t="s">
        <v>729</v>
      </c>
      <c r="V22" s="1937"/>
      <c r="W22" s="1937"/>
      <c r="X22" s="1937"/>
      <c r="Y22" s="1936"/>
      <c r="Z22" s="1935" t="s">
        <v>730</v>
      </c>
      <c r="AA22" s="1938"/>
    </row>
    <row r="23" spans="1:27" ht="29.25" customHeight="1">
      <c r="B23" s="1939"/>
      <c r="C23" s="1940"/>
      <c r="D23" s="1940"/>
      <c r="E23" s="1940"/>
      <c r="F23" s="1941"/>
      <c r="G23" s="1942"/>
      <c r="H23" s="1943"/>
      <c r="I23" s="1944"/>
      <c r="J23" s="1945"/>
      <c r="K23" s="1946"/>
      <c r="L23" s="1947"/>
      <c r="M23" s="1948" t="s">
        <v>732</v>
      </c>
      <c r="N23" s="1949"/>
      <c r="O23" s="1948" t="s">
        <v>732</v>
      </c>
      <c r="P23" s="1949"/>
      <c r="Q23" s="1950" t="s">
        <v>733</v>
      </c>
      <c r="R23" s="1951"/>
      <c r="S23" s="1950" t="s">
        <v>733</v>
      </c>
      <c r="T23" s="1951"/>
      <c r="U23" s="1948" t="s">
        <v>734</v>
      </c>
      <c r="V23" s="1952"/>
      <c r="W23" s="1952"/>
      <c r="X23" s="1952"/>
      <c r="Y23" s="1949"/>
      <c r="Z23" s="1950" t="s">
        <v>735</v>
      </c>
      <c r="AA23" s="1954"/>
    </row>
    <row r="24" spans="1:27" ht="29.25" customHeight="1">
      <c r="B24" s="1939"/>
      <c r="C24" s="1940"/>
      <c r="D24" s="1940"/>
      <c r="E24" s="1940"/>
      <c r="F24" s="1941"/>
      <c r="G24" s="1942"/>
      <c r="H24" s="1943"/>
      <c r="I24" s="1944"/>
      <c r="J24" s="1945"/>
      <c r="K24" s="1946"/>
      <c r="L24" s="1947"/>
      <c r="M24" s="1948" t="s">
        <v>732</v>
      </c>
      <c r="N24" s="1949"/>
      <c r="O24" s="1948" t="s">
        <v>732</v>
      </c>
      <c r="P24" s="1949"/>
      <c r="Q24" s="1950" t="s">
        <v>733</v>
      </c>
      <c r="R24" s="1951"/>
      <c r="S24" s="1950" t="s">
        <v>733</v>
      </c>
      <c r="T24" s="1951"/>
      <c r="U24" s="1948" t="s">
        <v>734</v>
      </c>
      <c r="V24" s="1952"/>
      <c r="W24" s="1952"/>
      <c r="X24" s="1952"/>
      <c r="Y24" s="1949"/>
      <c r="Z24" s="1950" t="s">
        <v>735</v>
      </c>
      <c r="AA24" s="1954"/>
    </row>
    <row r="25" spans="1:27" ht="29.25" customHeight="1">
      <c r="B25" s="1939"/>
      <c r="C25" s="1940"/>
      <c r="D25" s="1940"/>
      <c r="E25" s="1940"/>
      <c r="F25" s="1941"/>
      <c r="G25" s="1942"/>
      <c r="H25" s="1943"/>
      <c r="I25" s="1944"/>
      <c r="J25" s="1945"/>
      <c r="K25" s="1946"/>
      <c r="L25" s="1947"/>
      <c r="M25" s="1948" t="s">
        <v>732</v>
      </c>
      <c r="N25" s="1949"/>
      <c r="O25" s="1948" t="s">
        <v>732</v>
      </c>
      <c r="P25" s="1949"/>
      <c r="Q25" s="1950" t="s">
        <v>733</v>
      </c>
      <c r="R25" s="1951"/>
      <c r="S25" s="1950" t="s">
        <v>733</v>
      </c>
      <c r="T25" s="1951"/>
      <c r="U25" s="1948" t="s">
        <v>734</v>
      </c>
      <c r="V25" s="1952"/>
      <c r="W25" s="1952"/>
      <c r="X25" s="1952"/>
      <c r="Y25" s="1949"/>
      <c r="Z25" s="1950" t="s">
        <v>735</v>
      </c>
      <c r="AA25" s="1954"/>
    </row>
    <row r="26" spans="1:27" ht="29.25" customHeight="1" thickBot="1">
      <c r="B26" s="1961"/>
      <c r="C26" s="1962"/>
      <c r="D26" s="1962"/>
      <c r="E26" s="1962"/>
      <c r="F26" s="1963"/>
      <c r="G26" s="1964"/>
      <c r="H26" s="1965"/>
      <c r="I26" s="1966"/>
      <c r="J26" s="1967"/>
      <c r="K26" s="1968"/>
      <c r="L26" s="1969"/>
      <c r="M26" s="1970" t="s">
        <v>732</v>
      </c>
      <c r="N26" s="1971"/>
      <c r="O26" s="1970" t="s">
        <v>732</v>
      </c>
      <c r="P26" s="1971"/>
      <c r="Q26" s="1972" t="s">
        <v>733</v>
      </c>
      <c r="R26" s="1973"/>
      <c r="S26" s="1972" t="s">
        <v>733</v>
      </c>
      <c r="T26" s="1973"/>
      <c r="U26" s="1970" t="s">
        <v>734</v>
      </c>
      <c r="V26" s="1974"/>
      <c r="W26" s="1974"/>
      <c r="X26" s="1974"/>
      <c r="Y26" s="1971"/>
      <c r="Z26" s="1972" t="s">
        <v>735</v>
      </c>
      <c r="AA26" s="1976"/>
    </row>
    <row r="27" spans="1:27">
      <c r="A27" s="581"/>
      <c r="B27" s="471" t="s">
        <v>746</v>
      </c>
      <c r="C27" s="471"/>
      <c r="D27" s="582"/>
      <c r="E27" s="582"/>
      <c r="F27" s="582"/>
      <c r="G27" s="582"/>
      <c r="H27" s="582"/>
      <c r="I27" s="582"/>
      <c r="J27" s="582"/>
      <c r="K27" s="582"/>
      <c r="L27" s="582"/>
      <c r="M27" s="582"/>
      <c r="N27" s="582"/>
      <c r="O27" s="582"/>
      <c r="P27" s="582"/>
      <c r="Q27" s="582"/>
      <c r="R27" s="582"/>
      <c r="S27" s="582"/>
      <c r="T27" s="582"/>
      <c r="U27" s="582"/>
      <c r="V27" s="582"/>
    </row>
    <row r="28" spans="1:27">
      <c r="A28" s="470"/>
      <c r="B28" s="471" t="s">
        <v>747</v>
      </c>
      <c r="C28" s="471"/>
      <c r="D28" s="471"/>
      <c r="E28" s="470"/>
      <c r="F28" s="470"/>
      <c r="G28" s="470"/>
      <c r="H28" s="470"/>
      <c r="I28" s="470"/>
      <c r="J28" s="470"/>
      <c r="K28" s="470"/>
      <c r="L28" s="470"/>
      <c r="M28" s="470"/>
      <c r="N28" s="470"/>
      <c r="O28" s="470"/>
      <c r="P28" s="470"/>
      <c r="Q28" s="470"/>
      <c r="R28" s="470"/>
      <c r="S28" s="470"/>
      <c r="T28" s="470"/>
      <c r="U28" s="470"/>
      <c r="V28" s="470"/>
      <c r="W28" s="470"/>
      <c r="X28" s="470"/>
      <c r="Y28" s="470"/>
      <c r="Z28" s="470"/>
      <c r="AA28" s="470"/>
    </row>
    <row r="29" spans="1:27">
      <c r="A29" s="470"/>
      <c r="B29" s="471" t="s">
        <v>740</v>
      </c>
      <c r="C29" s="471"/>
      <c r="D29" s="471"/>
      <c r="E29" s="470"/>
      <c r="F29" s="470"/>
      <c r="G29" s="470"/>
      <c r="H29" s="470"/>
      <c r="I29" s="470"/>
      <c r="J29" s="470"/>
      <c r="K29" s="470"/>
      <c r="L29" s="470"/>
      <c r="M29" s="470"/>
      <c r="N29" s="470"/>
      <c r="O29" s="470"/>
      <c r="P29" s="470"/>
      <c r="Q29" s="470"/>
      <c r="R29" s="470"/>
      <c r="S29" s="470"/>
      <c r="T29" s="470"/>
      <c r="U29" s="470"/>
      <c r="V29" s="470"/>
      <c r="W29" s="470"/>
      <c r="X29" s="470"/>
      <c r="Y29" s="470"/>
      <c r="Z29" s="470"/>
      <c r="AA29" s="470"/>
    </row>
  </sheetData>
  <mergeCells count="93">
    <mergeCell ref="B26:F26"/>
    <mergeCell ref="G26:I26"/>
    <mergeCell ref="J26:L26"/>
    <mergeCell ref="M26:N26"/>
    <mergeCell ref="O26:P26"/>
    <mergeCell ref="Q25:R25"/>
    <mergeCell ref="S25:T25"/>
    <mergeCell ref="U25:Y25"/>
    <mergeCell ref="Z25:AA25"/>
    <mergeCell ref="S26:T26"/>
    <mergeCell ref="U26:Y26"/>
    <mergeCell ref="Z26:AA26"/>
    <mergeCell ref="Q26:R26"/>
    <mergeCell ref="B25:F25"/>
    <mergeCell ref="G25:I25"/>
    <mergeCell ref="J25:L25"/>
    <mergeCell ref="M25:N25"/>
    <mergeCell ref="O25:P25"/>
    <mergeCell ref="U23:Y23"/>
    <mergeCell ref="Z23:AA23"/>
    <mergeCell ref="B24:F24"/>
    <mergeCell ref="G24:I24"/>
    <mergeCell ref="J24:L24"/>
    <mergeCell ref="M24:N24"/>
    <mergeCell ref="O24:P24"/>
    <mergeCell ref="Q24:R24"/>
    <mergeCell ref="S24:T24"/>
    <mergeCell ref="U24:Y24"/>
    <mergeCell ref="Z24:AA24"/>
    <mergeCell ref="S22:T22"/>
    <mergeCell ref="U22:Y22"/>
    <mergeCell ref="Z22:AA22"/>
    <mergeCell ref="B23:F23"/>
    <mergeCell ref="G23:I23"/>
    <mergeCell ref="J23:L23"/>
    <mergeCell ref="M23:N23"/>
    <mergeCell ref="O23:P23"/>
    <mergeCell ref="Q23:R23"/>
    <mergeCell ref="S23:T23"/>
    <mergeCell ref="B22:F22"/>
    <mergeCell ref="G22:I22"/>
    <mergeCell ref="J22:L22"/>
    <mergeCell ref="M22:N22"/>
    <mergeCell ref="O22:P22"/>
    <mergeCell ref="Q22:R22"/>
    <mergeCell ref="V11:W11"/>
    <mergeCell ref="X11:AA11"/>
    <mergeCell ref="B12:F12"/>
    <mergeCell ref="G12:I12"/>
    <mergeCell ref="J12:L12"/>
    <mergeCell ref="M12:N12"/>
    <mergeCell ref="O12:P12"/>
    <mergeCell ref="Q12:U12"/>
    <mergeCell ref="V12:W12"/>
    <mergeCell ref="X12:AA12"/>
    <mergeCell ref="B11:F11"/>
    <mergeCell ref="G11:I11"/>
    <mergeCell ref="J11:L11"/>
    <mergeCell ref="M11:N11"/>
    <mergeCell ref="O11:P11"/>
    <mergeCell ref="Q11:U11"/>
    <mergeCell ref="V9:W9"/>
    <mergeCell ref="X9:AA9"/>
    <mergeCell ref="B10:F10"/>
    <mergeCell ref="G10:I10"/>
    <mergeCell ref="J10:L10"/>
    <mergeCell ref="M10:N10"/>
    <mergeCell ref="O10:P10"/>
    <mergeCell ref="Q10:U10"/>
    <mergeCell ref="V10:W10"/>
    <mergeCell ref="X10:AA10"/>
    <mergeCell ref="B9:F9"/>
    <mergeCell ref="G9:I9"/>
    <mergeCell ref="J9:L9"/>
    <mergeCell ref="M9:N9"/>
    <mergeCell ref="O9:P9"/>
    <mergeCell ref="Q9:U9"/>
    <mergeCell ref="V7:W7"/>
    <mergeCell ref="X7:AA7"/>
    <mergeCell ref="B8:F8"/>
    <mergeCell ref="G8:I8"/>
    <mergeCell ref="J8:L8"/>
    <mergeCell ref="M8:N8"/>
    <mergeCell ref="O8:P8"/>
    <mergeCell ref="Q8:U8"/>
    <mergeCell ref="V8:W8"/>
    <mergeCell ref="X8:AA8"/>
    <mergeCell ref="B7:F7"/>
    <mergeCell ref="G7:I7"/>
    <mergeCell ref="J7:L7"/>
    <mergeCell ref="M7:N7"/>
    <mergeCell ref="O7:P7"/>
    <mergeCell ref="Q7:U7"/>
  </mergeCells>
  <phoneticPr fontId="3"/>
  <printOptions horizontalCentered="1" verticalCentered="1"/>
  <pageMargins left="0.78740157480314965" right="0.78740157480314965" top="0.98425196850393704" bottom="0.78740157480314965" header="0.51181102362204722" footer="0.51181102362204722"/>
  <pageSetup paperSize="9" scale="95" orientation="landscape" r:id="rId1"/>
  <headerFooter alignWithMargins="0">
    <oddFooter>&amp;C&amp;A</oddFoot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AC31"/>
  <sheetViews>
    <sheetView showGridLines="0" view="pageBreakPreview" zoomScaleNormal="100" zoomScaleSheetLayoutView="100" workbookViewId="0">
      <selection activeCell="B2" sqref="B2"/>
    </sheetView>
  </sheetViews>
  <sheetFormatPr defaultColWidth="5" defaultRowHeight="12"/>
  <cols>
    <col min="1" max="16" width="5" style="468"/>
    <col min="17" max="20" width="3.109375" style="468" customWidth="1"/>
    <col min="21" max="272" width="5" style="468"/>
    <col min="273" max="276" width="3.109375" style="468" customWidth="1"/>
    <col min="277" max="528" width="5" style="468"/>
    <col min="529" max="532" width="3.109375" style="468" customWidth="1"/>
    <col min="533" max="784" width="5" style="468"/>
    <col min="785" max="788" width="3.109375" style="468" customWidth="1"/>
    <col min="789" max="1040" width="5" style="468"/>
    <col min="1041" max="1044" width="3.109375" style="468" customWidth="1"/>
    <col min="1045" max="1296" width="5" style="468"/>
    <col min="1297" max="1300" width="3.109375" style="468" customWidth="1"/>
    <col min="1301" max="1552" width="5" style="468"/>
    <col min="1553" max="1556" width="3.109375" style="468" customWidth="1"/>
    <col min="1557" max="1808" width="5" style="468"/>
    <col min="1809" max="1812" width="3.109375" style="468" customWidth="1"/>
    <col min="1813" max="2064" width="5" style="468"/>
    <col min="2065" max="2068" width="3.109375" style="468" customWidth="1"/>
    <col min="2069" max="2320" width="5" style="468"/>
    <col min="2321" max="2324" width="3.109375" style="468" customWidth="1"/>
    <col min="2325" max="2576" width="5" style="468"/>
    <col min="2577" max="2580" width="3.109375" style="468" customWidth="1"/>
    <col min="2581" max="2832" width="5" style="468"/>
    <col min="2833" max="2836" width="3.109375" style="468" customWidth="1"/>
    <col min="2837" max="3088" width="5" style="468"/>
    <col min="3089" max="3092" width="3.109375" style="468" customWidth="1"/>
    <col min="3093" max="3344" width="5" style="468"/>
    <col min="3345" max="3348" width="3.109375" style="468" customWidth="1"/>
    <col min="3349" max="3600" width="5" style="468"/>
    <col min="3601" max="3604" width="3.109375" style="468" customWidth="1"/>
    <col min="3605" max="3856" width="5" style="468"/>
    <col min="3857" max="3860" width="3.109375" style="468" customWidth="1"/>
    <col min="3861" max="4112" width="5" style="468"/>
    <col min="4113" max="4116" width="3.109375" style="468" customWidth="1"/>
    <col min="4117" max="4368" width="5" style="468"/>
    <col min="4369" max="4372" width="3.109375" style="468" customWidth="1"/>
    <col min="4373" max="4624" width="5" style="468"/>
    <col min="4625" max="4628" width="3.109375" style="468" customWidth="1"/>
    <col min="4629" max="4880" width="5" style="468"/>
    <col min="4881" max="4884" width="3.109375" style="468" customWidth="1"/>
    <col min="4885" max="5136" width="5" style="468"/>
    <col min="5137" max="5140" width="3.109375" style="468" customWidth="1"/>
    <col min="5141" max="5392" width="5" style="468"/>
    <col min="5393" max="5396" width="3.109375" style="468" customWidth="1"/>
    <col min="5397" max="5648" width="5" style="468"/>
    <col min="5649" max="5652" width="3.109375" style="468" customWidth="1"/>
    <col min="5653" max="5904" width="5" style="468"/>
    <col min="5905" max="5908" width="3.109375" style="468" customWidth="1"/>
    <col min="5909" max="6160" width="5" style="468"/>
    <col min="6161" max="6164" width="3.109375" style="468" customWidth="1"/>
    <col min="6165" max="6416" width="5" style="468"/>
    <col min="6417" max="6420" width="3.109375" style="468" customWidth="1"/>
    <col min="6421" max="6672" width="5" style="468"/>
    <col min="6673" max="6676" width="3.109375" style="468" customWidth="1"/>
    <col min="6677" max="6928" width="5" style="468"/>
    <col min="6929" max="6932" width="3.109375" style="468" customWidth="1"/>
    <col min="6933" max="7184" width="5" style="468"/>
    <col min="7185" max="7188" width="3.109375" style="468" customWidth="1"/>
    <col min="7189" max="7440" width="5" style="468"/>
    <col min="7441" max="7444" width="3.109375" style="468" customWidth="1"/>
    <col min="7445" max="7696" width="5" style="468"/>
    <col min="7697" max="7700" width="3.109375" style="468" customWidth="1"/>
    <col min="7701" max="7952" width="5" style="468"/>
    <col min="7953" max="7956" width="3.109375" style="468" customWidth="1"/>
    <col min="7957" max="8208" width="5" style="468"/>
    <col min="8209" max="8212" width="3.109375" style="468" customWidth="1"/>
    <col min="8213" max="8464" width="5" style="468"/>
    <col min="8465" max="8468" width="3.109375" style="468" customWidth="1"/>
    <col min="8469" max="8720" width="5" style="468"/>
    <col min="8721" max="8724" width="3.109375" style="468" customWidth="1"/>
    <col min="8725" max="8976" width="5" style="468"/>
    <col min="8977" max="8980" width="3.109375" style="468" customWidth="1"/>
    <col min="8981" max="9232" width="5" style="468"/>
    <col min="9233" max="9236" width="3.109375" style="468" customWidth="1"/>
    <col min="9237" max="9488" width="5" style="468"/>
    <col min="9489" max="9492" width="3.109375" style="468" customWidth="1"/>
    <col min="9493" max="9744" width="5" style="468"/>
    <col min="9745" max="9748" width="3.109375" style="468" customWidth="1"/>
    <col min="9749" max="10000" width="5" style="468"/>
    <col min="10001" max="10004" width="3.109375" style="468" customWidth="1"/>
    <col min="10005" max="10256" width="5" style="468"/>
    <col min="10257" max="10260" width="3.109375" style="468" customWidth="1"/>
    <col min="10261" max="10512" width="5" style="468"/>
    <col min="10513" max="10516" width="3.109375" style="468" customWidth="1"/>
    <col min="10517" max="10768" width="5" style="468"/>
    <col min="10769" max="10772" width="3.109375" style="468" customWidth="1"/>
    <col min="10773" max="11024" width="5" style="468"/>
    <col min="11025" max="11028" width="3.109375" style="468" customWidth="1"/>
    <col min="11029" max="11280" width="5" style="468"/>
    <col min="11281" max="11284" width="3.109375" style="468" customWidth="1"/>
    <col min="11285" max="11536" width="5" style="468"/>
    <col min="11537" max="11540" width="3.109375" style="468" customWidth="1"/>
    <col min="11541" max="11792" width="5" style="468"/>
    <col min="11793" max="11796" width="3.109375" style="468" customWidth="1"/>
    <col min="11797" max="12048" width="5" style="468"/>
    <col min="12049" max="12052" width="3.109375" style="468" customWidth="1"/>
    <col min="12053" max="12304" width="5" style="468"/>
    <col min="12305" max="12308" width="3.109375" style="468" customWidth="1"/>
    <col min="12309" max="12560" width="5" style="468"/>
    <col min="12561" max="12564" width="3.109375" style="468" customWidth="1"/>
    <col min="12565" max="12816" width="5" style="468"/>
    <col min="12817" max="12820" width="3.109375" style="468" customWidth="1"/>
    <col min="12821" max="13072" width="5" style="468"/>
    <col min="13073" max="13076" width="3.109375" style="468" customWidth="1"/>
    <col min="13077" max="13328" width="5" style="468"/>
    <col min="13329" max="13332" width="3.109375" style="468" customWidth="1"/>
    <col min="13333" max="13584" width="5" style="468"/>
    <col min="13585" max="13588" width="3.109375" style="468" customWidth="1"/>
    <col min="13589" max="13840" width="5" style="468"/>
    <col min="13841" max="13844" width="3.109375" style="468" customWidth="1"/>
    <col min="13845" max="14096" width="5" style="468"/>
    <col min="14097" max="14100" width="3.109375" style="468" customWidth="1"/>
    <col min="14101" max="14352" width="5" style="468"/>
    <col min="14353" max="14356" width="3.109375" style="468" customWidth="1"/>
    <col min="14357" max="14608" width="5" style="468"/>
    <col min="14609" max="14612" width="3.109375" style="468" customWidth="1"/>
    <col min="14613" max="14864" width="5" style="468"/>
    <col min="14865" max="14868" width="3.109375" style="468" customWidth="1"/>
    <col min="14869" max="15120" width="5" style="468"/>
    <col min="15121" max="15124" width="3.109375" style="468" customWidth="1"/>
    <col min="15125" max="15376" width="5" style="468"/>
    <col min="15377" max="15380" width="3.109375" style="468" customWidth="1"/>
    <col min="15381" max="15632" width="5" style="468"/>
    <col min="15633" max="15636" width="3.109375" style="468" customWidth="1"/>
    <col min="15637" max="15888" width="5" style="468"/>
    <col min="15889" max="15892" width="3.109375" style="468" customWidth="1"/>
    <col min="15893" max="16144" width="5" style="468"/>
    <col min="16145" max="16148" width="3.109375" style="468" customWidth="1"/>
    <col min="16149" max="16384" width="5" style="468"/>
  </cols>
  <sheetData>
    <row r="1" spans="2:29" ht="19.5" customHeight="1">
      <c r="B1" s="1979" t="s">
        <v>748</v>
      </c>
      <c r="C1" s="1980"/>
      <c r="D1" s="1980"/>
      <c r="E1" s="1980"/>
      <c r="F1" s="1980"/>
      <c r="G1" s="1980"/>
      <c r="H1" s="1980"/>
      <c r="I1" s="1980"/>
      <c r="J1" s="1980"/>
      <c r="K1" s="1980"/>
      <c r="L1" s="1980"/>
      <c r="M1" s="1980"/>
      <c r="N1" s="1980"/>
    </row>
    <row r="2" spans="2:29">
      <c r="B2" s="581" t="s">
        <v>1085</v>
      </c>
      <c r="C2" s="581"/>
      <c r="D2" s="581"/>
      <c r="E2" s="581"/>
      <c r="F2" s="581"/>
      <c r="G2" s="581"/>
      <c r="H2" s="581"/>
      <c r="I2" s="581"/>
      <c r="J2" s="581"/>
      <c r="K2" s="581"/>
      <c r="L2" s="581"/>
      <c r="M2" s="581"/>
      <c r="N2" s="581"/>
    </row>
    <row r="3" spans="2:29" ht="4.5" customHeight="1" thickBot="1"/>
    <row r="4" spans="2:29" ht="19.5" customHeight="1">
      <c r="B4" s="1981" t="s">
        <v>749</v>
      </c>
      <c r="C4" s="1982"/>
      <c r="D4" s="1982"/>
      <c r="E4" s="1982"/>
      <c r="F4" s="1982" t="s">
        <v>750</v>
      </c>
      <c r="G4" s="1982"/>
      <c r="H4" s="1982"/>
      <c r="I4" s="1935" t="s">
        <v>751</v>
      </c>
      <c r="J4" s="1937"/>
      <c r="K4" s="1936"/>
      <c r="L4" s="1958" t="s">
        <v>726</v>
      </c>
      <c r="M4" s="1956"/>
      <c r="N4" s="1957"/>
      <c r="O4" s="1935" t="s">
        <v>752</v>
      </c>
      <c r="P4" s="1936"/>
      <c r="Q4" s="1935" t="s">
        <v>745</v>
      </c>
      <c r="R4" s="1936"/>
      <c r="S4" s="1935" t="s">
        <v>728</v>
      </c>
      <c r="T4" s="1936"/>
      <c r="U4" s="1935" t="s">
        <v>729</v>
      </c>
      <c r="V4" s="1937"/>
      <c r="W4" s="1937"/>
      <c r="X4" s="1937"/>
      <c r="Y4" s="1937"/>
      <c r="Z4" s="1935" t="s">
        <v>753</v>
      </c>
      <c r="AA4" s="1936"/>
      <c r="AB4" s="1935" t="s">
        <v>730</v>
      </c>
      <c r="AC4" s="1938"/>
    </row>
    <row r="5" spans="2:29" ht="29.25" customHeight="1">
      <c r="B5" s="1983"/>
      <c r="C5" s="1569"/>
      <c r="D5" s="1569"/>
      <c r="E5" s="1984"/>
      <c r="F5" s="1945"/>
      <c r="G5" s="1569"/>
      <c r="H5" s="1984"/>
      <c r="I5" s="1942"/>
      <c r="J5" s="1985"/>
      <c r="K5" s="1986"/>
      <c r="L5" s="1945"/>
      <c r="M5" s="1569"/>
      <c r="N5" s="1984"/>
      <c r="O5" s="1948" t="s">
        <v>732</v>
      </c>
      <c r="P5" s="1949"/>
      <c r="Q5" s="1950" t="s">
        <v>733</v>
      </c>
      <c r="R5" s="1951"/>
      <c r="S5" s="1950" t="s">
        <v>733</v>
      </c>
      <c r="T5" s="1951"/>
      <c r="U5" s="1948" t="s">
        <v>734</v>
      </c>
      <c r="V5" s="1952"/>
      <c r="W5" s="1952"/>
      <c r="X5" s="1952"/>
      <c r="Y5" s="1952"/>
      <c r="Z5" s="1950" t="s">
        <v>733</v>
      </c>
      <c r="AA5" s="1951"/>
      <c r="AB5" s="1950" t="s">
        <v>735</v>
      </c>
      <c r="AC5" s="1954"/>
    </row>
    <row r="6" spans="2:29" ht="29.25" customHeight="1">
      <c r="B6" s="1983"/>
      <c r="C6" s="1569"/>
      <c r="D6" s="1569"/>
      <c r="E6" s="1984"/>
      <c r="F6" s="1945"/>
      <c r="G6" s="1569"/>
      <c r="H6" s="1984"/>
      <c r="I6" s="1942"/>
      <c r="J6" s="1985"/>
      <c r="K6" s="1986"/>
      <c r="L6" s="1945"/>
      <c r="M6" s="1569"/>
      <c r="N6" s="1984"/>
      <c r="O6" s="1948" t="s">
        <v>732</v>
      </c>
      <c r="P6" s="1949"/>
      <c r="Q6" s="1950" t="s">
        <v>733</v>
      </c>
      <c r="R6" s="1951"/>
      <c r="S6" s="1950" t="s">
        <v>733</v>
      </c>
      <c r="T6" s="1951"/>
      <c r="U6" s="1948" t="s">
        <v>734</v>
      </c>
      <c r="V6" s="1952"/>
      <c r="W6" s="1952"/>
      <c r="X6" s="1952"/>
      <c r="Y6" s="1952"/>
      <c r="Z6" s="1950" t="s">
        <v>733</v>
      </c>
      <c r="AA6" s="1951"/>
      <c r="AB6" s="1950" t="s">
        <v>735</v>
      </c>
      <c r="AC6" s="1954"/>
    </row>
    <row r="7" spans="2:29" ht="29.25" customHeight="1">
      <c r="B7" s="1983"/>
      <c r="C7" s="1569"/>
      <c r="D7" s="1569"/>
      <c r="E7" s="1984"/>
      <c r="F7" s="1945"/>
      <c r="G7" s="1569"/>
      <c r="H7" s="1984"/>
      <c r="I7" s="1942"/>
      <c r="J7" s="1985"/>
      <c r="K7" s="1986"/>
      <c r="L7" s="1945"/>
      <c r="M7" s="1569"/>
      <c r="N7" s="1984"/>
      <c r="O7" s="1948" t="s">
        <v>732</v>
      </c>
      <c r="P7" s="1949"/>
      <c r="Q7" s="1950" t="s">
        <v>733</v>
      </c>
      <c r="R7" s="1951"/>
      <c r="S7" s="1950" t="s">
        <v>733</v>
      </c>
      <c r="T7" s="1951"/>
      <c r="U7" s="1948" t="s">
        <v>734</v>
      </c>
      <c r="V7" s="1952"/>
      <c r="W7" s="1952"/>
      <c r="X7" s="1952"/>
      <c r="Y7" s="1952"/>
      <c r="Z7" s="1950" t="s">
        <v>733</v>
      </c>
      <c r="AA7" s="1951"/>
      <c r="AB7" s="1950" t="s">
        <v>735</v>
      </c>
      <c r="AC7" s="1954"/>
    </row>
    <row r="8" spans="2:29" ht="29.25" customHeight="1">
      <c r="B8" s="1983"/>
      <c r="C8" s="1569"/>
      <c r="D8" s="1569"/>
      <c r="E8" s="1984"/>
      <c r="F8" s="1945"/>
      <c r="G8" s="1569"/>
      <c r="H8" s="1984"/>
      <c r="I8" s="1942"/>
      <c r="J8" s="1985"/>
      <c r="K8" s="1986"/>
      <c r="L8" s="1945"/>
      <c r="M8" s="1569"/>
      <c r="N8" s="1984"/>
      <c r="O8" s="1948" t="s">
        <v>732</v>
      </c>
      <c r="P8" s="1949"/>
      <c r="Q8" s="1950" t="s">
        <v>733</v>
      </c>
      <c r="R8" s="1951"/>
      <c r="S8" s="1950" t="s">
        <v>733</v>
      </c>
      <c r="T8" s="1951"/>
      <c r="U8" s="1948" t="s">
        <v>734</v>
      </c>
      <c r="V8" s="1952"/>
      <c r="W8" s="1952"/>
      <c r="X8" s="1952"/>
      <c r="Y8" s="1952"/>
      <c r="Z8" s="1950" t="s">
        <v>733</v>
      </c>
      <c r="AA8" s="1951"/>
      <c r="AB8" s="1950" t="s">
        <v>735</v>
      </c>
      <c r="AC8" s="1954"/>
    </row>
    <row r="9" spans="2:29" ht="29.25" customHeight="1">
      <c r="B9" s="1983"/>
      <c r="C9" s="1569"/>
      <c r="D9" s="1569"/>
      <c r="E9" s="1984"/>
      <c r="F9" s="1945"/>
      <c r="G9" s="1569"/>
      <c r="H9" s="1984"/>
      <c r="I9" s="1942"/>
      <c r="J9" s="1985"/>
      <c r="K9" s="1986"/>
      <c r="L9" s="1945"/>
      <c r="M9" s="1569"/>
      <c r="N9" s="1984"/>
      <c r="O9" s="1948" t="s">
        <v>732</v>
      </c>
      <c r="P9" s="1949"/>
      <c r="Q9" s="1950" t="s">
        <v>733</v>
      </c>
      <c r="R9" s="1951"/>
      <c r="S9" s="1950" t="s">
        <v>733</v>
      </c>
      <c r="T9" s="1951"/>
      <c r="U9" s="1948" t="s">
        <v>734</v>
      </c>
      <c r="V9" s="1952"/>
      <c r="W9" s="1952"/>
      <c r="X9" s="1952"/>
      <c r="Y9" s="1952"/>
      <c r="Z9" s="1950" t="s">
        <v>733</v>
      </c>
      <c r="AA9" s="1951"/>
      <c r="AB9" s="1950" t="s">
        <v>735</v>
      </c>
      <c r="AC9" s="1954"/>
    </row>
    <row r="10" spans="2:29" ht="29.25" customHeight="1">
      <c r="B10" s="1983"/>
      <c r="C10" s="1569"/>
      <c r="D10" s="1569"/>
      <c r="E10" s="1984"/>
      <c r="F10" s="1945"/>
      <c r="G10" s="1569"/>
      <c r="H10" s="1984"/>
      <c r="I10" s="1942"/>
      <c r="J10" s="1985"/>
      <c r="K10" s="1986"/>
      <c r="L10" s="1945"/>
      <c r="M10" s="1569"/>
      <c r="N10" s="1984"/>
      <c r="O10" s="1948" t="s">
        <v>732</v>
      </c>
      <c r="P10" s="1949"/>
      <c r="Q10" s="1950" t="s">
        <v>733</v>
      </c>
      <c r="R10" s="1951"/>
      <c r="S10" s="1950" t="s">
        <v>733</v>
      </c>
      <c r="T10" s="1951"/>
      <c r="U10" s="1948" t="s">
        <v>734</v>
      </c>
      <c r="V10" s="1952"/>
      <c r="W10" s="1952"/>
      <c r="X10" s="1952"/>
      <c r="Y10" s="1952"/>
      <c r="Z10" s="1950" t="s">
        <v>733</v>
      </c>
      <c r="AA10" s="1951"/>
      <c r="AB10" s="1950" t="s">
        <v>735</v>
      </c>
      <c r="AC10" s="1954"/>
    </row>
    <row r="11" spans="2:29" ht="29.25" customHeight="1">
      <c r="B11" s="1983"/>
      <c r="C11" s="1569"/>
      <c r="D11" s="1569"/>
      <c r="E11" s="1984"/>
      <c r="F11" s="1945"/>
      <c r="G11" s="1569"/>
      <c r="H11" s="1984"/>
      <c r="I11" s="1942"/>
      <c r="J11" s="1985"/>
      <c r="K11" s="1986"/>
      <c r="L11" s="1945"/>
      <c r="M11" s="1569"/>
      <c r="N11" s="1984"/>
      <c r="O11" s="1948" t="s">
        <v>732</v>
      </c>
      <c r="P11" s="1949"/>
      <c r="Q11" s="1950" t="s">
        <v>733</v>
      </c>
      <c r="R11" s="1951"/>
      <c r="S11" s="1950" t="s">
        <v>733</v>
      </c>
      <c r="T11" s="1951"/>
      <c r="U11" s="1948" t="s">
        <v>734</v>
      </c>
      <c r="V11" s="1952"/>
      <c r="W11" s="1952"/>
      <c r="X11" s="1952"/>
      <c r="Y11" s="1952"/>
      <c r="Z11" s="1950" t="s">
        <v>733</v>
      </c>
      <c r="AA11" s="1951"/>
      <c r="AB11" s="1950" t="s">
        <v>735</v>
      </c>
      <c r="AC11" s="1954"/>
    </row>
    <row r="12" spans="2:29" ht="29.25" customHeight="1">
      <c r="B12" s="1983"/>
      <c r="C12" s="1569"/>
      <c r="D12" s="1569"/>
      <c r="E12" s="1984"/>
      <c r="F12" s="1945"/>
      <c r="G12" s="1569"/>
      <c r="H12" s="1984"/>
      <c r="I12" s="1942"/>
      <c r="J12" s="1985"/>
      <c r="K12" s="1986"/>
      <c r="L12" s="1945"/>
      <c r="M12" s="1569"/>
      <c r="N12" s="1984"/>
      <c r="O12" s="1948" t="s">
        <v>732</v>
      </c>
      <c r="P12" s="1949"/>
      <c r="Q12" s="1950" t="s">
        <v>733</v>
      </c>
      <c r="R12" s="1951"/>
      <c r="S12" s="1950" t="s">
        <v>733</v>
      </c>
      <c r="T12" s="1951"/>
      <c r="U12" s="1948" t="s">
        <v>734</v>
      </c>
      <c r="V12" s="1952"/>
      <c r="W12" s="1952"/>
      <c r="X12" s="1952"/>
      <c r="Y12" s="1952"/>
      <c r="Z12" s="1950" t="s">
        <v>733</v>
      </c>
      <c r="AA12" s="1951"/>
      <c r="AB12" s="1950" t="s">
        <v>735</v>
      </c>
      <c r="AC12" s="1954"/>
    </row>
    <row r="13" spans="2:29" ht="29.25" customHeight="1">
      <c r="B13" s="1983"/>
      <c r="C13" s="1569"/>
      <c r="D13" s="1569"/>
      <c r="E13" s="1984"/>
      <c r="F13" s="1945"/>
      <c r="G13" s="1569"/>
      <c r="H13" s="1984"/>
      <c r="I13" s="1942"/>
      <c r="J13" s="1985"/>
      <c r="K13" s="1986"/>
      <c r="L13" s="1945"/>
      <c r="M13" s="1569"/>
      <c r="N13" s="1984"/>
      <c r="O13" s="1948" t="s">
        <v>732</v>
      </c>
      <c r="P13" s="1949"/>
      <c r="Q13" s="1950" t="s">
        <v>733</v>
      </c>
      <c r="R13" s="1951"/>
      <c r="S13" s="1950" t="s">
        <v>733</v>
      </c>
      <c r="T13" s="1951"/>
      <c r="U13" s="1948" t="s">
        <v>734</v>
      </c>
      <c r="V13" s="1952"/>
      <c r="W13" s="1952"/>
      <c r="X13" s="1952"/>
      <c r="Y13" s="1952"/>
      <c r="Z13" s="1950" t="s">
        <v>733</v>
      </c>
      <c r="AA13" s="1951"/>
      <c r="AB13" s="1950" t="s">
        <v>735</v>
      </c>
      <c r="AC13" s="1954"/>
    </row>
    <row r="14" spans="2:29" ht="29.25" customHeight="1">
      <c r="B14" s="1983"/>
      <c r="C14" s="1569"/>
      <c r="D14" s="1569"/>
      <c r="E14" s="1984"/>
      <c r="F14" s="1945"/>
      <c r="G14" s="1569"/>
      <c r="H14" s="1984"/>
      <c r="I14" s="1942"/>
      <c r="J14" s="1985"/>
      <c r="K14" s="1986"/>
      <c r="L14" s="1945"/>
      <c r="M14" s="1569"/>
      <c r="N14" s="1984"/>
      <c r="O14" s="1948" t="s">
        <v>732</v>
      </c>
      <c r="P14" s="1949"/>
      <c r="Q14" s="1950" t="s">
        <v>733</v>
      </c>
      <c r="R14" s="1951"/>
      <c r="S14" s="1950" t="s">
        <v>733</v>
      </c>
      <c r="T14" s="1951"/>
      <c r="U14" s="1948" t="s">
        <v>734</v>
      </c>
      <c r="V14" s="1952"/>
      <c r="W14" s="1952"/>
      <c r="X14" s="1952"/>
      <c r="Y14" s="1952"/>
      <c r="Z14" s="1950" t="s">
        <v>733</v>
      </c>
      <c r="AA14" s="1951"/>
      <c r="AB14" s="1950" t="s">
        <v>735</v>
      </c>
      <c r="AC14" s="1954"/>
    </row>
    <row r="15" spans="2:29" ht="29.25" customHeight="1">
      <c r="B15" s="1983"/>
      <c r="C15" s="1569"/>
      <c r="D15" s="1569"/>
      <c r="E15" s="1984"/>
      <c r="F15" s="1945"/>
      <c r="G15" s="1569"/>
      <c r="H15" s="1984"/>
      <c r="I15" s="1942"/>
      <c r="J15" s="1985"/>
      <c r="K15" s="1986"/>
      <c r="L15" s="1945"/>
      <c r="M15" s="1569"/>
      <c r="N15" s="1984"/>
      <c r="O15" s="1948" t="s">
        <v>732</v>
      </c>
      <c r="P15" s="1949"/>
      <c r="Q15" s="1950" t="s">
        <v>733</v>
      </c>
      <c r="R15" s="1951"/>
      <c r="S15" s="1950" t="s">
        <v>733</v>
      </c>
      <c r="T15" s="1951"/>
      <c r="U15" s="1948" t="s">
        <v>734</v>
      </c>
      <c r="V15" s="1952"/>
      <c r="W15" s="1952"/>
      <c r="X15" s="1952"/>
      <c r="Y15" s="1952"/>
      <c r="Z15" s="1950" t="s">
        <v>733</v>
      </c>
      <c r="AA15" s="1951"/>
      <c r="AB15" s="1950" t="s">
        <v>735</v>
      </c>
      <c r="AC15" s="1954"/>
    </row>
    <row r="16" spans="2:29" ht="29.25" customHeight="1" thickBot="1">
      <c r="B16" s="1987"/>
      <c r="C16" s="1988"/>
      <c r="D16" s="1988"/>
      <c r="E16" s="1989"/>
      <c r="F16" s="1967"/>
      <c r="G16" s="1988"/>
      <c r="H16" s="1989"/>
      <c r="I16" s="1964"/>
      <c r="J16" s="1990"/>
      <c r="K16" s="1991"/>
      <c r="L16" s="1967"/>
      <c r="M16" s="1988"/>
      <c r="N16" s="1989"/>
      <c r="O16" s="1970" t="s">
        <v>732</v>
      </c>
      <c r="P16" s="1971"/>
      <c r="Q16" s="1972" t="s">
        <v>733</v>
      </c>
      <c r="R16" s="1973"/>
      <c r="S16" s="1972" t="s">
        <v>733</v>
      </c>
      <c r="T16" s="1973"/>
      <c r="U16" s="1970" t="s">
        <v>734</v>
      </c>
      <c r="V16" s="1974"/>
      <c r="W16" s="1974"/>
      <c r="X16" s="1974"/>
      <c r="Y16" s="1974"/>
      <c r="Z16" s="1972" t="s">
        <v>733</v>
      </c>
      <c r="AA16" s="1973"/>
      <c r="AB16" s="1972" t="s">
        <v>735</v>
      </c>
      <c r="AC16" s="1976"/>
    </row>
    <row r="17" spans="1:29">
      <c r="A17" s="581"/>
      <c r="B17" s="582" t="s">
        <v>754</v>
      </c>
      <c r="C17" s="582"/>
      <c r="D17" s="582"/>
      <c r="E17" s="582"/>
      <c r="F17" s="582"/>
      <c r="G17" s="582"/>
      <c r="H17" s="582"/>
      <c r="I17" s="582"/>
      <c r="J17" s="582"/>
      <c r="K17" s="582"/>
      <c r="L17" s="582"/>
      <c r="M17" s="582"/>
      <c r="N17" s="582"/>
      <c r="O17" s="582"/>
      <c r="P17" s="582"/>
      <c r="Q17" s="582"/>
      <c r="R17" s="582"/>
      <c r="S17" s="582"/>
      <c r="T17" s="582"/>
      <c r="U17" s="582"/>
      <c r="V17" s="582"/>
    </row>
    <row r="18" spans="1:29">
      <c r="A18" s="470"/>
      <c r="B18" s="471" t="s">
        <v>755</v>
      </c>
      <c r="C18" s="471"/>
      <c r="D18" s="471"/>
      <c r="E18" s="470"/>
      <c r="F18" s="470"/>
      <c r="G18" s="470"/>
      <c r="H18" s="470"/>
      <c r="I18" s="470"/>
      <c r="J18" s="470"/>
      <c r="K18" s="470"/>
      <c r="L18" s="470"/>
      <c r="M18" s="470"/>
      <c r="N18" s="470"/>
      <c r="O18" s="470"/>
      <c r="P18" s="470"/>
      <c r="Q18" s="470"/>
      <c r="R18" s="470"/>
      <c r="S18" s="470"/>
      <c r="T18" s="470"/>
      <c r="U18" s="470"/>
      <c r="V18" s="470"/>
      <c r="W18" s="470"/>
      <c r="X18" s="470"/>
      <c r="Y18" s="470"/>
      <c r="Z18" s="470"/>
      <c r="AA18" s="470"/>
      <c r="AB18" s="470"/>
      <c r="AC18" s="470"/>
    </row>
    <row r="19" spans="1:29">
      <c r="A19" s="470"/>
      <c r="B19" s="471" t="s">
        <v>739</v>
      </c>
      <c r="C19" s="471"/>
      <c r="D19" s="471"/>
      <c r="E19" s="470"/>
      <c r="F19" s="470"/>
      <c r="G19" s="470"/>
      <c r="H19" s="470"/>
      <c r="I19" s="470"/>
      <c r="J19" s="470"/>
      <c r="K19" s="470"/>
      <c r="L19" s="470"/>
      <c r="M19" s="470"/>
      <c r="N19" s="470"/>
      <c r="O19" s="470"/>
      <c r="P19" s="470"/>
      <c r="Q19" s="470"/>
      <c r="R19" s="470"/>
      <c r="S19" s="470"/>
      <c r="T19" s="470"/>
      <c r="U19" s="470"/>
      <c r="V19" s="470"/>
      <c r="W19" s="470"/>
      <c r="X19" s="470"/>
      <c r="Y19" s="470"/>
      <c r="Z19" s="470"/>
      <c r="AA19" s="470"/>
      <c r="AB19" s="470"/>
      <c r="AC19" s="470"/>
    </row>
    <row r="20" spans="1:29">
      <c r="A20" s="470"/>
      <c r="B20" s="471" t="s">
        <v>740</v>
      </c>
      <c r="C20" s="471"/>
      <c r="D20" s="471"/>
      <c r="E20" s="470"/>
      <c r="F20" s="470"/>
      <c r="G20" s="470"/>
      <c r="H20" s="470"/>
      <c r="I20" s="470"/>
      <c r="J20" s="470"/>
      <c r="K20" s="470"/>
      <c r="L20" s="470"/>
      <c r="M20" s="470"/>
      <c r="N20" s="470"/>
      <c r="O20" s="470"/>
      <c r="P20" s="470"/>
      <c r="Q20" s="470"/>
      <c r="R20" s="470"/>
      <c r="S20" s="470"/>
      <c r="T20" s="470"/>
      <c r="U20" s="470"/>
      <c r="V20" s="470"/>
      <c r="W20" s="470"/>
      <c r="X20" s="470"/>
      <c r="Y20" s="470"/>
      <c r="Z20" s="470"/>
      <c r="AA20" s="470"/>
      <c r="AB20" s="470"/>
      <c r="AC20" s="470"/>
    </row>
    <row r="21" spans="1:29" ht="19.5" customHeight="1">
      <c r="B21" s="581"/>
      <c r="C21" s="581"/>
      <c r="D21" s="581"/>
      <c r="L21" s="472"/>
    </row>
    <row r="22" spans="1:29" ht="19.5" customHeight="1"/>
    <row r="23" spans="1:29" ht="19.5" customHeight="1"/>
    <row r="24" spans="1:29" ht="19.5" customHeight="1"/>
    <row r="25" spans="1:29" ht="19.5" customHeight="1"/>
    <row r="26" spans="1:29" ht="19.5" customHeight="1"/>
    <row r="27" spans="1:29" ht="19.5" customHeight="1"/>
    <row r="28" spans="1:29" ht="19.5" customHeight="1"/>
    <row r="29" spans="1:29" ht="19.5" customHeight="1"/>
    <row r="30" spans="1:29" ht="19.5" customHeight="1"/>
    <row r="31" spans="1:29" ht="19.5" customHeight="1"/>
  </sheetData>
  <mergeCells count="131">
    <mergeCell ref="B16:E16"/>
    <mergeCell ref="F16:H16"/>
    <mergeCell ref="I16:K16"/>
    <mergeCell ref="L16:N16"/>
    <mergeCell ref="O16:P16"/>
    <mergeCell ref="Z14:AA14"/>
    <mergeCell ref="Q16:R16"/>
    <mergeCell ref="S16:T16"/>
    <mergeCell ref="U16:Y16"/>
    <mergeCell ref="Z16:AA16"/>
    <mergeCell ref="F14:H14"/>
    <mergeCell ref="I14:K14"/>
    <mergeCell ref="L14:N14"/>
    <mergeCell ref="O14:P14"/>
    <mergeCell ref="Q14:R14"/>
    <mergeCell ref="S14:T14"/>
    <mergeCell ref="U14:Y14"/>
    <mergeCell ref="AB12:AC12"/>
    <mergeCell ref="AB16:AC16"/>
    <mergeCell ref="Q15:R15"/>
    <mergeCell ref="S15:T15"/>
    <mergeCell ref="U15:Y15"/>
    <mergeCell ref="Z15:AA15"/>
    <mergeCell ref="AB15:AC15"/>
    <mergeCell ref="B13:E13"/>
    <mergeCell ref="F13:H13"/>
    <mergeCell ref="I13:K13"/>
    <mergeCell ref="L13:N13"/>
    <mergeCell ref="O13:P13"/>
    <mergeCell ref="AB14:AC14"/>
    <mergeCell ref="B15:E15"/>
    <mergeCell ref="F15:H15"/>
    <mergeCell ref="I15:K15"/>
    <mergeCell ref="L15:N15"/>
    <mergeCell ref="O15:P15"/>
    <mergeCell ref="Q13:R13"/>
    <mergeCell ref="S13:T13"/>
    <mergeCell ref="U13:Y13"/>
    <mergeCell ref="Z13:AA13"/>
    <mergeCell ref="AB13:AC13"/>
    <mergeCell ref="B14:E14"/>
    <mergeCell ref="B12:E12"/>
    <mergeCell ref="F12:H12"/>
    <mergeCell ref="I12:K12"/>
    <mergeCell ref="L12:N12"/>
    <mergeCell ref="O12:P12"/>
    <mergeCell ref="Q12:R12"/>
    <mergeCell ref="S12:T12"/>
    <mergeCell ref="U12:Y12"/>
    <mergeCell ref="Z12:AA12"/>
    <mergeCell ref="AB10:AC10"/>
    <mergeCell ref="B11:E11"/>
    <mergeCell ref="F11:H11"/>
    <mergeCell ref="I11:K11"/>
    <mergeCell ref="L11:N11"/>
    <mergeCell ref="O11:P11"/>
    <mergeCell ref="Q11:R11"/>
    <mergeCell ref="S11:T11"/>
    <mergeCell ref="U11:Y11"/>
    <mergeCell ref="Z11:AA11"/>
    <mergeCell ref="AB11:AC11"/>
    <mergeCell ref="B10:E10"/>
    <mergeCell ref="F10:H10"/>
    <mergeCell ref="I10:K10"/>
    <mergeCell ref="L10:N10"/>
    <mergeCell ref="O10:P10"/>
    <mergeCell ref="Q10:R10"/>
    <mergeCell ref="S10:T10"/>
    <mergeCell ref="U10:Y10"/>
    <mergeCell ref="Z10:AA10"/>
    <mergeCell ref="AB8:AC8"/>
    <mergeCell ref="B9:E9"/>
    <mergeCell ref="F9:H9"/>
    <mergeCell ref="I9:K9"/>
    <mergeCell ref="L9:N9"/>
    <mergeCell ref="O9:P9"/>
    <mergeCell ref="Q9:R9"/>
    <mergeCell ref="S9:T9"/>
    <mergeCell ref="U9:Y9"/>
    <mergeCell ref="Z9:AA9"/>
    <mergeCell ref="AB9:AC9"/>
    <mergeCell ref="B8:E8"/>
    <mergeCell ref="F8:H8"/>
    <mergeCell ref="I8:K8"/>
    <mergeCell ref="L8:N8"/>
    <mergeCell ref="O8:P8"/>
    <mergeCell ref="Q8:R8"/>
    <mergeCell ref="S8:T8"/>
    <mergeCell ref="U8:Y8"/>
    <mergeCell ref="Z8:AA8"/>
    <mergeCell ref="AB6:AC6"/>
    <mergeCell ref="B7:E7"/>
    <mergeCell ref="F7:H7"/>
    <mergeCell ref="I7:K7"/>
    <mergeCell ref="L7:N7"/>
    <mergeCell ref="O7:P7"/>
    <mergeCell ref="Q7:R7"/>
    <mergeCell ref="S7:T7"/>
    <mergeCell ref="U7:Y7"/>
    <mergeCell ref="Z7:AA7"/>
    <mergeCell ref="AB7:AC7"/>
    <mergeCell ref="B6:E6"/>
    <mergeCell ref="F6:H6"/>
    <mergeCell ref="I6:K6"/>
    <mergeCell ref="L6:N6"/>
    <mergeCell ref="O6:P6"/>
    <mergeCell ref="Q6:R6"/>
    <mergeCell ref="S6:T6"/>
    <mergeCell ref="U6:Y6"/>
    <mergeCell ref="Z6:AA6"/>
    <mergeCell ref="Z4:AA4"/>
    <mergeCell ref="AB4:AC4"/>
    <mergeCell ref="B5:E5"/>
    <mergeCell ref="F5:H5"/>
    <mergeCell ref="I5:K5"/>
    <mergeCell ref="L5:N5"/>
    <mergeCell ref="O5:P5"/>
    <mergeCell ref="Q5:R5"/>
    <mergeCell ref="S5:T5"/>
    <mergeCell ref="U5:Y5"/>
    <mergeCell ref="Z5:AA5"/>
    <mergeCell ref="AB5:AC5"/>
    <mergeCell ref="B1:N1"/>
    <mergeCell ref="B4:E4"/>
    <mergeCell ref="F4:H4"/>
    <mergeCell ref="I4:K4"/>
    <mergeCell ref="L4:N4"/>
    <mergeCell ref="O4:P4"/>
    <mergeCell ref="Q4:R4"/>
    <mergeCell ref="S4:T4"/>
    <mergeCell ref="U4:Y4"/>
  </mergeCells>
  <phoneticPr fontId="3"/>
  <printOptions horizontalCentered="1" verticalCentered="1"/>
  <pageMargins left="0.78740157480314965" right="0.78740157480314965" top="0.98425196850393704" bottom="0.98425196850393704" header="0.51181102362204722" footer="0.51181102362204722"/>
  <pageSetup paperSize="9" scale="95" orientation="landscape" r:id="rId1"/>
  <headerFooter alignWithMargins="0">
    <oddFooter>&amp;C&amp;A</oddFoot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26"/>
  <dimension ref="A1:R50"/>
  <sheetViews>
    <sheetView view="pageBreakPreview" topLeftCell="A22" zoomScaleNormal="100" zoomScaleSheetLayoutView="100" workbookViewId="0"/>
  </sheetViews>
  <sheetFormatPr defaultColWidth="4.6640625" defaultRowHeight="15" customHeight="1"/>
  <cols>
    <col min="1" max="16384" width="4.6640625" style="42"/>
  </cols>
  <sheetData>
    <row r="1" spans="1:18" ht="15" customHeight="1">
      <c r="A1" s="43" t="s">
        <v>756</v>
      </c>
      <c r="B1" s="43"/>
      <c r="C1" s="43"/>
      <c r="D1" s="43"/>
      <c r="E1" s="43"/>
      <c r="F1" s="43"/>
      <c r="G1" s="43"/>
      <c r="H1" s="43"/>
      <c r="I1" s="43"/>
      <c r="J1" s="43"/>
      <c r="K1" s="43"/>
      <c r="L1" s="43"/>
      <c r="M1" s="43"/>
      <c r="N1" s="43"/>
      <c r="O1" s="43"/>
      <c r="P1" s="43"/>
      <c r="Q1" s="43"/>
      <c r="R1" s="473"/>
    </row>
    <row r="2" spans="1:18" ht="15" customHeight="1">
      <c r="A2" s="43" t="s">
        <v>757</v>
      </c>
      <c r="B2" s="43"/>
      <c r="C2" s="43"/>
      <c r="D2" s="43"/>
      <c r="E2" s="43"/>
      <c r="F2" s="43"/>
      <c r="G2" s="43"/>
      <c r="H2" s="43"/>
      <c r="I2" s="43"/>
      <c r="J2" s="43"/>
      <c r="K2" s="43"/>
      <c r="L2" s="43"/>
      <c r="M2" s="43"/>
      <c r="N2" s="43"/>
      <c r="O2" s="43"/>
      <c r="P2" s="43"/>
      <c r="Q2" s="43"/>
      <c r="R2" s="473"/>
    </row>
    <row r="3" spans="1:18" ht="15" customHeight="1">
      <c r="A3" s="43" t="s">
        <v>758</v>
      </c>
      <c r="B3" s="43"/>
      <c r="C3" s="43"/>
      <c r="D3" s="43"/>
      <c r="E3" s="43"/>
      <c r="F3" s="43"/>
      <c r="G3" s="43"/>
      <c r="H3" s="43"/>
      <c r="I3" s="43"/>
      <c r="J3" s="43"/>
      <c r="K3" s="43"/>
      <c r="L3" s="43"/>
      <c r="M3" s="43"/>
      <c r="N3" s="43"/>
      <c r="O3" s="43"/>
      <c r="P3" s="43"/>
      <c r="Q3" s="43"/>
      <c r="R3" s="473"/>
    </row>
    <row r="4" spans="1:18" ht="15" customHeight="1">
      <c r="A4" s="43" t="s">
        <v>759</v>
      </c>
      <c r="B4" s="43"/>
      <c r="C4" s="43"/>
      <c r="D4" s="43"/>
      <c r="E4" s="43"/>
      <c r="F4" s="43"/>
      <c r="G4" s="43"/>
      <c r="H4" s="43"/>
      <c r="I4" s="43"/>
      <c r="J4" s="43"/>
      <c r="K4" s="43"/>
      <c r="L4" s="43"/>
      <c r="M4" s="43"/>
      <c r="N4" s="43"/>
      <c r="O4" s="43"/>
      <c r="P4" s="43"/>
      <c r="Q4" s="43"/>
      <c r="R4" s="473"/>
    </row>
    <row r="5" spans="1:18" ht="15" customHeight="1">
      <c r="A5" s="43"/>
      <c r="B5" s="43"/>
      <c r="C5" s="43"/>
      <c r="D5" s="43"/>
      <c r="E5" s="43"/>
      <c r="F5" s="43"/>
      <c r="G5" s="43"/>
      <c r="H5" s="43"/>
      <c r="I5" s="43"/>
      <c r="J5" s="43"/>
      <c r="K5" s="43"/>
      <c r="L5" s="43"/>
      <c r="M5" s="43"/>
      <c r="N5" s="43"/>
      <c r="O5" s="43"/>
      <c r="P5" s="43"/>
      <c r="Q5" s="43"/>
      <c r="R5" s="473"/>
    </row>
    <row r="6" spans="1:18" ht="15" customHeight="1">
      <c r="A6" s="56" t="s">
        <v>1047</v>
      </c>
      <c r="B6" s="56"/>
      <c r="C6" s="1715"/>
      <c r="D6" s="1715"/>
      <c r="E6" s="1715"/>
      <c r="F6" s="1715"/>
      <c r="G6" s="1715"/>
      <c r="H6" s="1715"/>
      <c r="I6" s="1715"/>
      <c r="J6" s="1715"/>
      <c r="K6" s="56" t="s">
        <v>1046</v>
      </c>
      <c r="L6" s="56"/>
      <c r="M6" s="56"/>
      <c r="N6" s="56"/>
      <c r="O6" s="56"/>
      <c r="P6" s="56"/>
      <c r="Q6" s="56"/>
      <c r="R6" s="474"/>
    </row>
    <row r="7" spans="1:18" ht="15" customHeight="1" thickBot="1">
      <c r="A7" s="59"/>
      <c r="B7" s="59"/>
      <c r="C7" s="59"/>
      <c r="D7" s="59"/>
      <c r="E7" s="59"/>
      <c r="F7" s="59"/>
      <c r="G7" s="59"/>
      <c r="H7" s="59"/>
      <c r="I7" s="59"/>
      <c r="J7" s="59"/>
      <c r="K7" s="59"/>
      <c r="L7" s="59"/>
      <c r="M7" s="59"/>
      <c r="N7" s="59"/>
      <c r="O7" s="59"/>
      <c r="P7" s="59"/>
      <c r="Q7" s="59"/>
      <c r="R7" s="66"/>
    </row>
    <row r="8" spans="1:18" ht="15" customHeight="1">
      <c r="A8" s="71"/>
      <c r="B8" s="67"/>
      <c r="C8" s="67"/>
      <c r="D8" s="67"/>
      <c r="E8" s="67"/>
      <c r="F8" s="67"/>
      <c r="G8" s="67"/>
      <c r="H8" s="67"/>
      <c r="I8" s="67"/>
      <c r="J8" s="67"/>
      <c r="K8" s="67"/>
      <c r="L8" s="67"/>
      <c r="M8" s="67"/>
      <c r="N8" s="67"/>
      <c r="O8" s="67"/>
      <c r="P8" s="67"/>
      <c r="Q8" s="67"/>
      <c r="R8" s="475"/>
    </row>
    <row r="9" spans="1:18" ht="15" customHeight="1">
      <c r="A9" s="71"/>
      <c r="B9" s="67"/>
      <c r="C9" s="67"/>
      <c r="D9" s="67"/>
      <c r="E9" s="67"/>
      <c r="F9" s="67"/>
      <c r="G9" s="67"/>
      <c r="H9" s="67"/>
      <c r="I9" s="67"/>
      <c r="J9" s="67"/>
      <c r="K9" s="67"/>
      <c r="L9" s="67"/>
      <c r="M9" s="67"/>
      <c r="N9" s="67"/>
      <c r="O9" s="67"/>
      <c r="P9" s="67"/>
      <c r="Q9" s="67"/>
      <c r="R9" s="475"/>
    </row>
    <row r="10" spans="1:18" ht="15" customHeight="1">
      <c r="A10" s="71"/>
      <c r="B10" s="67"/>
      <c r="C10" s="67"/>
      <c r="D10" s="67"/>
      <c r="E10" s="67"/>
      <c r="F10" s="67"/>
      <c r="G10" s="67"/>
      <c r="H10" s="67"/>
      <c r="I10" s="67"/>
      <c r="J10" s="67"/>
      <c r="K10" s="67"/>
      <c r="L10" s="67"/>
      <c r="M10" s="67"/>
      <c r="N10" s="67"/>
      <c r="O10" s="67"/>
      <c r="P10" s="67"/>
      <c r="Q10" s="67"/>
      <c r="R10" s="475"/>
    </row>
    <row r="11" spans="1:18" ht="15" customHeight="1">
      <c r="A11" s="71"/>
      <c r="B11" s="67"/>
      <c r="C11" s="67"/>
      <c r="D11" s="67"/>
      <c r="E11" s="67"/>
      <c r="F11" s="67"/>
      <c r="G11" s="67"/>
      <c r="H11" s="67"/>
      <c r="I11" s="67"/>
      <c r="J11" s="67"/>
      <c r="K11" s="67"/>
      <c r="L11" s="67"/>
      <c r="M11" s="67"/>
      <c r="N11" s="67"/>
      <c r="O11" s="67"/>
      <c r="P11" s="67"/>
      <c r="Q11" s="67"/>
      <c r="R11" s="475"/>
    </row>
    <row r="12" spans="1:18" ht="15" customHeight="1">
      <c r="A12" s="71"/>
      <c r="B12" s="67"/>
      <c r="C12" s="67"/>
      <c r="D12" s="67"/>
      <c r="E12" s="67"/>
      <c r="F12" s="67"/>
      <c r="G12" s="67"/>
      <c r="H12" s="67"/>
      <c r="I12" s="67"/>
      <c r="J12" s="67"/>
      <c r="K12" s="67"/>
      <c r="L12" s="67"/>
      <c r="M12" s="67"/>
      <c r="N12" s="67"/>
      <c r="O12" s="67"/>
      <c r="P12" s="67"/>
      <c r="Q12" s="67"/>
      <c r="R12" s="475"/>
    </row>
    <row r="13" spans="1:18" ht="15" customHeight="1">
      <c r="A13" s="71"/>
      <c r="B13" s="67"/>
      <c r="C13" s="67"/>
      <c r="D13" s="67"/>
      <c r="E13" s="67"/>
      <c r="F13" s="67"/>
      <c r="G13" s="67"/>
      <c r="H13" s="67"/>
      <c r="I13" s="67"/>
      <c r="J13" s="67"/>
      <c r="K13" s="67"/>
      <c r="L13" s="67"/>
      <c r="M13" s="67"/>
      <c r="N13" s="67"/>
      <c r="O13" s="67"/>
      <c r="P13" s="67"/>
      <c r="Q13" s="67"/>
      <c r="R13" s="475"/>
    </row>
    <row r="14" spans="1:18" ht="15" customHeight="1">
      <c r="A14" s="71"/>
      <c r="B14" s="67"/>
      <c r="C14" s="67"/>
      <c r="D14" s="67"/>
      <c r="E14" s="67"/>
      <c r="F14" s="67"/>
      <c r="G14" s="67"/>
      <c r="H14" s="67"/>
      <c r="I14" s="67"/>
      <c r="J14" s="67"/>
      <c r="K14" s="67"/>
      <c r="L14" s="67"/>
      <c r="M14" s="67"/>
      <c r="N14" s="67"/>
      <c r="O14" s="67"/>
      <c r="P14" s="67"/>
      <c r="Q14" s="67"/>
      <c r="R14" s="475"/>
    </row>
    <row r="15" spans="1:18" ht="15" customHeight="1">
      <c r="A15" s="71"/>
      <c r="B15" s="67"/>
      <c r="C15" s="67"/>
      <c r="D15" s="67"/>
      <c r="E15" s="67"/>
      <c r="F15" s="67"/>
      <c r="G15" s="67"/>
      <c r="H15" s="67"/>
      <c r="I15" s="67"/>
      <c r="J15" s="67"/>
      <c r="K15" s="67"/>
      <c r="L15" s="67"/>
      <c r="M15" s="67"/>
      <c r="N15" s="67"/>
      <c r="O15" s="67"/>
      <c r="P15" s="67"/>
      <c r="Q15" s="67"/>
      <c r="R15" s="475"/>
    </row>
    <row r="16" spans="1:18" ht="15" customHeight="1">
      <c r="A16" s="71"/>
      <c r="B16" s="67"/>
      <c r="C16" s="67"/>
      <c r="D16" s="67"/>
      <c r="E16" s="67"/>
      <c r="F16" s="67"/>
      <c r="G16" s="67"/>
      <c r="H16" s="67"/>
      <c r="I16" s="67"/>
      <c r="J16" s="67"/>
      <c r="K16" s="67"/>
      <c r="L16" s="67"/>
      <c r="M16" s="67"/>
      <c r="N16" s="67"/>
      <c r="O16" s="67"/>
      <c r="P16" s="67"/>
      <c r="Q16" s="67"/>
      <c r="R16" s="475"/>
    </row>
    <row r="17" spans="1:18" ht="15" customHeight="1">
      <c r="A17" s="71"/>
      <c r="B17" s="67"/>
      <c r="C17" s="67"/>
      <c r="D17" s="67"/>
      <c r="E17" s="67"/>
      <c r="F17" s="67"/>
      <c r="G17" s="67"/>
      <c r="H17" s="67"/>
      <c r="I17" s="67"/>
      <c r="J17" s="67"/>
      <c r="K17" s="67"/>
      <c r="L17" s="67"/>
      <c r="M17" s="67"/>
      <c r="N17" s="67"/>
      <c r="O17" s="67"/>
      <c r="P17" s="67"/>
      <c r="Q17" s="67"/>
      <c r="R17" s="475"/>
    </row>
    <row r="18" spans="1:18" ht="15" customHeight="1">
      <c r="A18" s="71"/>
      <c r="B18" s="67"/>
      <c r="C18" s="67"/>
      <c r="D18" s="67"/>
      <c r="E18" s="67"/>
      <c r="F18" s="67"/>
      <c r="G18" s="67"/>
      <c r="H18" s="67"/>
      <c r="I18" s="67"/>
      <c r="J18" s="67"/>
      <c r="K18" s="67"/>
      <c r="L18" s="67"/>
      <c r="M18" s="67"/>
      <c r="N18" s="67"/>
      <c r="O18" s="67"/>
      <c r="P18" s="67"/>
      <c r="Q18" s="67"/>
      <c r="R18" s="475"/>
    </row>
    <row r="19" spans="1:18" ht="15" customHeight="1">
      <c r="A19" s="71"/>
      <c r="B19" s="67"/>
      <c r="C19" s="67"/>
      <c r="D19" s="67"/>
      <c r="E19" s="67"/>
      <c r="F19" s="67"/>
      <c r="G19" s="67"/>
      <c r="H19" s="67"/>
      <c r="I19" s="67"/>
      <c r="J19" s="67"/>
      <c r="K19" s="67"/>
      <c r="L19" s="67"/>
      <c r="M19" s="67"/>
      <c r="N19" s="67"/>
      <c r="O19" s="67"/>
      <c r="P19" s="67"/>
      <c r="Q19" s="67"/>
      <c r="R19" s="475"/>
    </row>
    <row r="20" spans="1:18" ht="15" customHeight="1">
      <c r="A20" s="71"/>
      <c r="B20" s="67"/>
      <c r="C20" s="67"/>
      <c r="D20" s="67"/>
      <c r="E20" s="67"/>
      <c r="F20" s="67"/>
      <c r="G20" s="67"/>
      <c r="H20" s="67"/>
      <c r="I20" s="67"/>
      <c r="J20" s="67"/>
      <c r="K20" s="67"/>
      <c r="L20" s="67"/>
      <c r="M20" s="67"/>
      <c r="N20" s="67"/>
      <c r="O20" s="67"/>
      <c r="P20" s="67"/>
      <c r="Q20" s="67"/>
      <c r="R20" s="475"/>
    </row>
    <row r="21" spans="1:18" ht="15" customHeight="1">
      <c r="A21" s="71"/>
      <c r="B21" s="67"/>
      <c r="C21" s="67"/>
      <c r="D21" s="67"/>
      <c r="E21" s="67"/>
      <c r="F21" s="67"/>
      <c r="G21" s="67"/>
      <c r="H21" s="67"/>
      <c r="I21" s="67"/>
      <c r="J21" s="67"/>
      <c r="K21" s="67"/>
      <c r="L21" s="67"/>
      <c r="M21" s="67"/>
      <c r="N21" s="67"/>
      <c r="O21" s="67"/>
      <c r="P21" s="67"/>
      <c r="Q21" s="67"/>
      <c r="R21" s="475"/>
    </row>
    <row r="22" spans="1:18" ht="15" customHeight="1">
      <c r="A22" s="71"/>
      <c r="B22" s="67"/>
      <c r="C22" s="67"/>
      <c r="D22" s="67"/>
      <c r="E22" s="67"/>
      <c r="F22" s="67"/>
      <c r="G22" s="67"/>
      <c r="H22" s="67"/>
      <c r="I22" s="67"/>
      <c r="J22" s="67"/>
      <c r="K22" s="67"/>
      <c r="L22" s="67"/>
      <c r="M22" s="67"/>
      <c r="N22" s="67"/>
      <c r="O22" s="67"/>
      <c r="P22" s="67"/>
      <c r="Q22" s="67"/>
      <c r="R22" s="475"/>
    </row>
    <row r="23" spans="1:18" ht="15" customHeight="1">
      <c r="A23" s="71"/>
      <c r="B23" s="67"/>
      <c r="C23" s="67"/>
      <c r="D23" s="67"/>
      <c r="E23" s="67"/>
      <c r="F23" s="67"/>
      <c r="G23" s="67"/>
      <c r="H23" s="67"/>
      <c r="I23" s="67"/>
      <c r="J23" s="67"/>
      <c r="K23" s="67"/>
      <c r="L23" s="67"/>
      <c r="M23" s="67"/>
      <c r="N23" s="67"/>
      <c r="O23" s="67"/>
      <c r="P23" s="67"/>
      <c r="Q23" s="67"/>
      <c r="R23" s="475"/>
    </row>
    <row r="24" spans="1:18" ht="15" customHeight="1">
      <c r="A24" s="71"/>
      <c r="B24" s="67"/>
      <c r="C24" s="67"/>
      <c r="D24" s="67"/>
      <c r="E24" s="67"/>
      <c r="F24" s="67"/>
      <c r="G24" s="67"/>
      <c r="H24" s="67"/>
      <c r="I24" s="67"/>
      <c r="J24" s="67"/>
      <c r="K24" s="67"/>
      <c r="L24" s="67"/>
      <c r="M24" s="67"/>
      <c r="N24" s="67"/>
      <c r="O24" s="67"/>
      <c r="P24" s="67"/>
      <c r="Q24" s="67"/>
      <c r="R24" s="475"/>
    </row>
    <row r="25" spans="1:18" ht="15" customHeight="1">
      <c r="A25" s="71"/>
      <c r="B25" s="67"/>
      <c r="C25" s="67"/>
      <c r="D25" s="67"/>
      <c r="E25" s="67"/>
      <c r="F25" s="67"/>
      <c r="G25" s="67"/>
      <c r="H25" s="67"/>
      <c r="I25" s="67"/>
      <c r="J25" s="67"/>
      <c r="K25" s="67"/>
      <c r="L25" s="67"/>
      <c r="M25" s="67"/>
      <c r="N25" s="67"/>
      <c r="O25" s="67"/>
      <c r="P25" s="67"/>
      <c r="Q25" s="67"/>
      <c r="R25" s="475"/>
    </row>
    <row r="26" spans="1:18" ht="15" customHeight="1">
      <c r="A26" s="71"/>
      <c r="B26" s="67"/>
      <c r="C26" s="67"/>
      <c r="D26" s="67"/>
      <c r="E26" s="67"/>
      <c r="F26" s="67"/>
      <c r="G26" s="67"/>
      <c r="H26" s="67"/>
      <c r="I26" s="67"/>
      <c r="J26" s="67"/>
      <c r="K26" s="67"/>
      <c r="L26" s="67"/>
      <c r="M26" s="67"/>
      <c r="N26" s="67"/>
      <c r="O26" s="67"/>
      <c r="P26" s="67"/>
      <c r="Q26" s="67"/>
      <c r="R26" s="475"/>
    </row>
    <row r="27" spans="1:18" ht="15" customHeight="1">
      <c r="A27" s="71"/>
      <c r="B27" s="67"/>
      <c r="C27" s="67"/>
      <c r="D27" s="67"/>
      <c r="E27" s="67"/>
      <c r="F27" s="67"/>
      <c r="G27" s="67"/>
      <c r="H27" s="67"/>
      <c r="I27" s="67"/>
      <c r="J27" s="67"/>
      <c r="K27" s="67"/>
      <c r="L27" s="67"/>
      <c r="M27" s="67"/>
      <c r="N27" s="67"/>
      <c r="O27" s="67"/>
      <c r="P27" s="67"/>
      <c r="Q27" s="67"/>
      <c r="R27" s="475"/>
    </row>
    <row r="28" spans="1:18" ht="15" customHeight="1">
      <c r="A28" s="71"/>
      <c r="B28" s="67"/>
      <c r="C28" s="67"/>
      <c r="D28" s="67"/>
      <c r="E28" s="67"/>
      <c r="F28" s="67"/>
      <c r="G28" s="67"/>
      <c r="H28" s="67"/>
      <c r="I28" s="67"/>
      <c r="J28" s="67"/>
      <c r="K28" s="67"/>
      <c r="L28" s="67"/>
      <c r="M28" s="67"/>
      <c r="N28" s="67"/>
      <c r="O28" s="67"/>
      <c r="P28" s="67"/>
      <c r="Q28" s="67"/>
      <c r="R28" s="475"/>
    </row>
    <row r="29" spans="1:18" ht="15" customHeight="1">
      <c r="A29" s="71"/>
      <c r="B29" s="67"/>
      <c r="C29" s="67"/>
      <c r="D29" s="67"/>
      <c r="E29" s="67"/>
      <c r="F29" s="67"/>
      <c r="G29" s="67"/>
      <c r="H29" s="67"/>
      <c r="I29" s="67"/>
      <c r="J29" s="67"/>
      <c r="K29" s="67"/>
      <c r="L29" s="67"/>
      <c r="M29" s="67"/>
      <c r="N29" s="67"/>
      <c r="O29" s="67"/>
      <c r="P29" s="67"/>
      <c r="Q29" s="67"/>
      <c r="R29" s="475"/>
    </row>
    <row r="30" spans="1:18" ht="15" customHeight="1">
      <c r="A30" s="71"/>
      <c r="B30" s="67"/>
      <c r="C30" s="67"/>
      <c r="D30" s="67"/>
      <c r="E30" s="67"/>
      <c r="F30" s="67"/>
      <c r="G30" s="67"/>
      <c r="H30" s="67"/>
      <c r="I30" s="67"/>
      <c r="J30" s="67"/>
      <c r="K30" s="67"/>
      <c r="L30" s="67"/>
      <c r="M30" s="67"/>
      <c r="N30" s="67"/>
      <c r="O30" s="67"/>
      <c r="P30" s="67"/>
      <c r="Q30" s="67"/>
      <c r="R30" s="475"/>
    </row>
    <row r="31" spans="1:18" ht="15" customHeight="1">
      <c r="A31" s="71"/>
      <c r="B31" s="67"/>
      <c r="C31" s="67"/>
      <c r="D31" s="67"/>
      <c r="E31" s="67"/>
      <c r="F31" s="67"/>
      <c r="G31" s="67"/>
      <c r="H31" s="67"/>
      <c r="I31" s="67"/>
      <c r="J31" s="67"/>
      <c r="K31" s="67"/>
      <c r="L31" s="67"/>
      <c r="M31" s="67"/>
      <c r="N31" s="67"/>
      <c r="O31" s="67"/>
      <c r="P31" s="67"/>
      <c r="Q31" s="67"/>
      <c r="R31" s="475"/>
    </row>
    <row r="32" spans="1:18" ht="15" customHeight="1">
      <c r="A32" s="71"/>
      <c r="B32" s="67"/>
      <c r="C32" s="67"/>
      <c r="D32" s="67"/>
      <c r="E32" s="67"/>
      <c r="F32" s="67"/>
      <c r="G32" s="67"/>
      <c r="H32" s="67"/>
      <c r="I32" s="67"/>
      <c r="J32" s="67"/>
      <c r="K32" s="67"/>
      <c r="L32" s="67"/>
      <c r="M32" s="67"/>
      <c r="N32" s="67"/>
      <c r="O32" s="67"/>
      <c r="P32" s="67"/>
      <c r="Q32" s="67"/>
      <c r="R32" s="475"/>
    </row>
    <row r="33" spans="1:18" ht="15" customHeight="1">
      <c r="A33" s="71"/>
      <c r="B33" s="67"/>
      <c r="C33" s="67"/>
      <c r="D33" s="67"/>
      <c r="E33" s="67"/>
      <c r="F33" s="67"/>
      <c r="G33" s="67"/>
      <c r="H33" s="67"/>
      <c r="I33" s="67"/>
      <c r="J33" s="67"/>
      <c r="K33" s="67"/>
      <c r="L33" s="67"/>
      <c r="M33" s="67"/>
      <c r="N33" s="67"/>
      <c r="O33" s="67"/>
      <c r="P33" s="67"/>
      <c r="Q33" s="67"/>
      <c r="R33" s="475"/>
    </row>
    <row r="34" spans="1:18" ht="15" customHeight="1">
      <c r="A34" s="71"/>
      <c r="B34" s="67"/>
      <c r="C34" s="67"/>
      <c r="D34" s="67"/>
      <c r="E34" s="67"/>
      <c r="F34" s="67"/>
      <c r="G34" s="67"/>
      <c r="H34" s="67"/>
      <c r="I34" s="67"/>
      <c r="J34" s="67"/>
      <c r="K34" s="67"/>
      <c r="L34" s="67"/>
      <c r="M34" s="67"/>
      <c r="N34" s="67"/>
      <c r="O34" s="67"/>
      <c r="P34" s="67"/>
      <c r="Q34" s="67"/>
      <c r="R34" s="475"/>
    </row>
    <row r="35" spans="1:18" ht="15" customHeight="1">
      <c r="A35" s="71"/>
      <c r="B35" s="67"/>
      <c r="C35" s="67"/>
      <c r="D35" s="67"/>
      <c r="E35" s="67"/>
      <c r="F35" s="67"/>
      <c r="G35" s="67"/>
      <c r="H35" s="67"/>
      <c r="I35" s="67"/>
      <c r="J35" s="67"/>
      <c r="K35" s="67"/>
      <c r="L35" s="67"/>
      <c r="M35" s="67"/>
      <c r="N35" s="67"/>
      <c r="O35" s="67"/>
      <c r="P35" s="67"/>
      <c r="Q35" s="67"/>
      <c r="R35" s="475"/>
    </row>
    <row r="36" spans="1:18" ht="15" customHeight="1">
      <c r="A36" s="71"/>
      <c r="B36" s="67"/>
      <c r="C36" s="67"/>
      <c r="D36" s="67"/>
      <c r="E36" s="67"/>
      <c r="F36" s="67"/>
      <c r="G36" s="67"/>
      <c r="H36" s="67"/>
      <c r="I36" s="67"/>
      <c r="J36" s="67"/>
      <c r="K36" s="67"/>
      <c r="L36" s="67"/>
      <c r="M36" s="67"/>
      <c r="N36" s="67"/>
      <c r="O36" s="67"/>
      <c r="P36" s="67"/>
      <c r="Q36" s="67"/>
      <c r="R36" s="475"/>
    </row>
    <row r="37" spans="1:18" ht="15" customHeight="1">
      <c r="A37" s="71"/>
      <c r="B37" s="67"/>
      <c r="C37" s="67"/>
      <c r="D37" s="67"/>
      <c r="E37" s="67"/>
      <c r="F37" s="67"/>
      <c r="G37" s="67"/>
      <c r="H37" s="67"/>
      <c r="I37" s="67"/>
      <c r="J37" s="67"/>
      <c r="K37" s="67"/>
      <c r="L37" s="67"/>
      <c r="M37" s="67"/>
      <c r="N37" s="67"/>
      <c r="O37" s="67"/>
      <c r="P37" s="67"/>
      <c r="Q37" s="67"/>
      <c r="R37" s="475"/>
    </row>
    <row r="38" spans="1:18" ht="15" customHeight="1">
      <c r="A38" s="71"/>
      <c r="B38" s="67"/>
      <c r="C38" s="67"/>
      <c r="D38" s="67"/>
      <c r="E38" s="67"/>
      <c r="F38" s="67"/>
      <c r="G38" s="67"/>
      <c r="H38" s="67"/>
      <c r="I38" s="67"/>
      <c r="J38" s="67"/>
      <c r="K38" s="67"/>
      <c r="L38" s="67"/>
      <c r="M38" s="67"/>
      <c r="N38" s="67"/>
      <c r="O38" s="67"/>
      <c r="P38" s="67"/>
      <c r="Q38" s="67"/>
      <c r="R38" s="475"/>
    </row>
    <row r="39" spans="1:18" ht="15" customHeight="1">
      <c r="A39" s="71"/>
      <c r="B39" s="67"/>
      <c r="C39" s="67"/>
      <c r="D39" s="67"/>
      <c r="E39" s="67"/>
      <c r="F39" s="67"/>
      <c r="G39" s="67"/>
      <c r="H39" s="67"/>
      <c r="I39" s="67"/>
      <c r="J39" s="67"/>
      <c r="K39" s="67"/>
      <c r="L39" s="67"/>
      <c r="M39" s="67"/>
      <c r="N39" s="67"/>
      <c r="O39" s="67"/>
      <c r="P39" s="67"/>
      <c r="Q39" s="67"/>
      <c r="R39" s="475"/>
    </row>
    <row r="40" spans="1:18" ht="15" customHeight="1">
      <c r="A40" s="71"/>
      <c r="B40" s="67"/>
      <c r="C40" s="67"/>
      <c r="D40" s="67"/>
      <c r="E40" s="67"/>
      <c r="F40" s="67"/>
      <c r="G40" s="67"/>
      <c r="H40" s="67"/>
      <c r="I40" s="67"/>
      <c r="J40" s="67"/>
      <c r="K40" s="67"/>
      <c r="L40" s="67"/>
      <c r="M40" s="67"/>
      <c r="N40" s="67"/>
      <c r="O40" s="67"/>
      <c r="P40" s="67"/>
      <c r="Q40" s="67"/>
      <c r="R40" s="475"/>
    </row>
    <row r="41" spans="1:18" ht="15" customHeight="1">
      <c r="A41" s="71"/>
      <c r="B41" s="67"/>
      <c r="C41" s="67"/>
      <c r="D41" s="67"/>
      <c r="E41" s="67"/>
      <c r="F41" s="67"/>
      <c r="G41" s="67"/>
      <c r="H41" s="67"/>
      <c r="I41" s="67"/>
      <c r="J41" s="67"/>
      <c r="K41" s="67"/>
      <c r="L41" s="67"/>
      <c r="M41" s="67"/>
      <c r="N41" s="67"/>
      <c r="O41" s="67"/>
      <c r="P41" s="67"/>
      <c r="Q41" s="67"/>
      <c r="R41" s="475"/>
    </row>
    <row r="42" spans="1:18" ht="15" customHeight="1">
      <c r="A42" s="71"/>
      <c r="B42" s="67"/>
      <c r="C42" s="67"/>
      <c r="D42" s="67"/>
      <c r="E42" s="67"/>
      <c r="F42" s="67"/>
      <c r="G42" s="67"/>
      <c r="H42" s="67"/>
      <c r="I42" s="67"/>
      <c r="J42" s="67"/>
      <c r="K42" s="67"/>
      <c r="L42" s="67"/>
      <c r="M42" s="67"/>
      <c r="N42" s="67"/>
      <c r="O42" s="67"/>
      <c r="P42" s="67"/>
      <c r="Q42" s="67"/>
      <c r="R42" s="475"/>
    </row>
    <row r="43" spans="1:18" ht="15" customHeight="1">
      <c r="A43" s="71"/>
      <c r="B43" s="67"/>
      <c r="C43" s="67"/>
      <c r="D43" s="67"/>
      <c r="E43" s="67"/>
      <c r="F43" s="67"/>
      <c r="G43" s="67"/>
      <c r="H43" s="67"/>
      <c r="I43" s="67"/>
      <c r="J43" s="67"/>
      <c r="K43" s="67"/>
      <c r="L43" s="67"/>
      <c r="M43" s="67"/>
      <c r="N43" s="67"/>
      <c r="O43" s="67"/>
      <c r="P43" s="67"/>
      <c r="Q43" s="67"/>
      <c r="R43" s="475"/>
    </row>
    <row r="44" spans="1:18" ht="15" customHeight="1">
      <c r="A44" s="71"/>
      <c r="B44" s="67"/>
      <c r="C44" s="67"/>
      <c r="D44" s="67"/>
      <c r="E44" s="67"/>
      <c r="F44" s="67"/>
      <c r="G44" s="67"/>
      <c r="H44" s="67"/>
      <c r="I44" s="67"/>
      <c r="J44" s="67"/>
      <c r="K44" s="67"/>
      <c r="L44" s="67"/>
      <c r="M44" s="67"/>
      <c r="N44" s="67"/>
      <c r="O44" s="67"/>
      <c r="P44" s="67"/>
      <c r="Q44" s="67"/>
      <c r="R44" s="475"/>
    </row>
    <row r="45" spans="1:18" ht="15" customHeight="1">
      <c r="A45" s="71"/>
      <c r="B45" s="67"/>
      <c r="C45" s="67"/>
      <c r="D45" s="67"/>
      <c r="E45" s="67"/>
      <c r="F45" s="67"/>
      <c r="G45" s="67"/>
      <c r="H45" s="67"/>
      <c r="I45" s="67"/>
      <c r="J45" s="67"/>
      <c r="K45" s="67"/>
      <c r="L45" s="67"/>
      <c r="M45" s="67"/>
      <c r="N45" s="67"/>
      <c r="O45" s="67"/>
      <c r="P45" s="67"/>
      <c r="Q45" s="67"/>
      <c r="R45" s="475"/>
    </row>
    <row r="46" spans="1:18" ht="15" customHeight="1">
      <c r="A46" s="71"/>
      <c r="B46" s="67"/>
      <c r="C46" s="67"/>
      <c r="D46" s="67"/>
      <c r="E46" s="67"/>
      <c r="F46" s="67"/>
      <c r="G46" s="67"/>
      <c r="H46" s="67"/>
      <c r="I46" s="67"/>
      <c r="J46" s="67"/>
      <c r="K46" s="67"/>
      <c r="L46" s="67"/>
      <c r="M46" s="67"/>
      <c r="N46" s="67"/>
      <c r="O46" s="67"/>
      <c r="P46" s="67"/>
      <c r="Q46" s="67"/>
      <c r="R46" s="475"/>
    </row>
    <row r="47" spans="1:18" ht="15" customHeight="1">
      <c r="A47" s="71"/>
      <c r="B47" s="67"/>
      <c r="C47" s="67"/>
      <c r="D47" s="67"/>
      <c r="E47" s="67"/>
      <c r="F47" s="67"/>
      <c r="G47" s="67"/>
      <c r="H47" s="67"/>
      <c r="I47" s="67"/>
      <c r="J47" s="67"/>
      <c r="K47" s="67"/>
      <c r="L47" s="67"/>
      <c r="M47" s="67"/>
      <c r="N47" s="67"/>
      <c r="O47" s="67"/>
      <c r="P47" s="67"/>
      <c r="Q47" s="67"/>
      <c r="R47" s="475"/>
    </row>
    <row r="48" spans="1:18" ht="15" customHeight="1">
      <c r="A48" s="71"/>
      <c r="B48" s="67"/>
      <c r="C48" s="67"/>
      <c r="D48" s="67"/>
      <c r="E48" s="67"/>
      <c r="F48" s="67"/>
      <c r="G48" s="67"/>
      <c r="H48" s="67"/>
      <c r="I48" s="67"/>
      <c r="J48" s="67"/>
      <c r="K48" s="67"/>
      <c r="L48" s="67"/>
      <c r="M48" s="67"/>
      <c r="N48" s="67"/>
      <c r="O48" s="67"/>
      <c r="P48" s="67"/>
      <c r="Q48" s="67"/>
      <c r="R48" s="475"/>
    </row>
    <row r="49" spans="1:18" ht="15" customHeight="1">
      <c r="A49" s="71"/>
      <c r="B49" s="67"/>
      <c r="C49" s="67"/>
      <c r="D49" s="67"/>
      <c r="E49" s="67"/>
      <c r="F49" s="67"/>
      <c r="G49" s="67"/>
      <c r="H49" s="67"/>
      <c r="I49" s="67"/>
      <c r="J49" s="67"/>
      <c r="K49" s="67"/>
      <c r="L49" s="67"/>
      <c r="M49" s="67"/>
      <c r="N49" s="67"/>
      <c r="O49" s="67"/>
      <c r="P49" s="67"/>
      <c r="Q49" s="67"/>
      <c r="R49" s="475"/>
    </row>
    <row r="50" spans="1:18" ht="15" customHeight="1" thickBot="1">
      <c r="A50" s="476"/>
      <c r="B50" s="66"/>
      <c r="C50" s="66"/>
      <c r="D50" s="66"/>
      <c r="E50" s="66"/>
      <c r="F50" s="66"/>
      <c r="G50" s="66"/>
      <c r="H50" s="66"/>
      <c r="I50" s="66"/>
      <c r="J50" s="66"/>
      <c r="K50" s="66"/>
      <c r="L50" s="66"/>
      <c r="M50" s="66"/>
      <c r="N50" s="66"/>
      <c r="O50" s="66"/>
      <c r="P50" s="66"/>
      <c r="Q50" s="66"/>
      <c r="R50" s="477"/>
    </row>
  </sheetData>
  <mergeCells count="1">
    <mergeCell ref="C6:J6"/>
  </mergeCells>
  <phoneticPr fontId="3"/>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worksheet>
</file>

<file path=xl/worksheets/sheet2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codeName="Sheet27"/>
  <dimension ref="A1:S203"/>
  <sheetViews>
    <sheetView showGridLines="0" view="pageBreakPreview" topLeftCell="A44" zoomScaleNormal="100" zoomScaleSheetLayoutView="100" workbookViewId="0">
      <selection activeCell="H29" sqref="H29"/>
    </sheetView>
  </sheetViews>
  <sheetFormatPr defaultRowHeight="13.2"/>
  <cols>
    <col min="1" max="1" width="4.44140625" style="479" customWidth="1"/>
    <col min="2" max="2" width="6.6640625" style="479" customWidth="1"/>
    <col min="3" max="3" width="40.6640625" style="479" customWidth="1"/>
    <col min="4" max="4" width="6.6640625" style="479" customWidth="1"/>
    <col min="5" max="5" width="40.6640625" style="479" customWidth="1"/>
    <col min="6" max="12" width="4.44140625" style="479" customWidth="1"/>
    <col min="13" max="16" width="5.109375" style="479" customWidth="1"/>
    <col min="17" max="256" width="9" style="479"/>
    <col min="257" max="257" width="4.44140625" style="479" customWidth="1"/>
    <col min="258" max="258" width="6.6640625" style="479" customWidth="1"/>
    <col min="259" max="259" width="40.6640625" style="479" customWidth="1"/>
    <col min="260" max="260" width="6.6640625" style="479" customWidth="1"/>
    <col min="261" max="261" width="40.6640625" style="479" customWidth="1"/>
    <col min="262" max="268" width="4.44140625" style="479" customWidth="1"/>
    <col min="269" max="272" width="5.109375" style="479" customWidth="1"/>
    <col min="273" max="512" width="9" style="479"/>
    <col min="513" max="513" width="4.44140625" style="479" customWidth="1"/>
    <col min="514" max="514" width="6.6640625" style="479" customWidth="1"/>
    <col min="515" max="515" width="40.6640625" style="479" customWidth="1"/>
    <col min="516" max="516" width="6.6640625" style="479" customWidth="1"/>
    <col min="517" max="517" width="40.6640625" style="479" customWidth="1"/>
    <col min="518" max="524" width="4.44140625" style="479" customWidth="1"/>
    <col min="525" max="528" width="5.109375" style="479" customWidth="1"/>
    <col min="529" max="768" width="9" style="479"/>
    <col min="769" max="769" width="4.44140625" style="479" customWidth="1"/>
    <col min="770" max="770" width="6.6640625" style="479" customWidth="1"/>
    <col min="771" max="771" width="40.6640625" style="479" customWidth="1"/>
    <col min="772" max="772" width="6.6640625" style="479" customWidth="1"/>
    <col min="773" max="773" width="40.6640625" style="479" customWidth="1"/>
    <col min="774" max="780" width="4.44140625" style="479" customWidth="1"/>
    <col min="781" max="784" width="5.109375" style="479" customWidth="1"/>
    <col min="785" max="1024" width="9" style="479"/>
    <col min="1025" max="1025" width="4.44140625" style="479" customWidth="1"/>
    <col min="1026" max="1026" width="6.6640625" style="479" customWidth="1"/>
    <col min="1027" max="1027" width="40.6640625" style="479" customWidth="1"/>
    <col min="1028" max="1028" width="6.6640625" style="479" customWidth="1"/>
    <col min="1029" max="1029" width="40.6640625" style="479" customWidth="1"/>
    <col min="1030" max="1036" width="4.44140625" style="479" customWidth="1"/>
    <col min="1037" max="1040" width="5.109375" style="479" customWidth="1"/>
    <col min="1041" max="1280" width="9" style="479"/>
    <col min="1281" max="1281" width="4.44140625" style="479" customWidth="1"/>
    <col min="1282" max="1282" width="6.6640625" style="479" customWidth="1"/>
    <col min="1283" max="1283" width="40.6640625" style="479" customWidth="1"/>
    <col min="1284" max="1284" width="6.6640625" style="479" customWidth="1"/>
    <col min="1285" max="1285" width="40.6640625" style="479" customWidth="1"/>
    <col min="1286" max="1292" width="4.44140625" style="479" customWidth="1"/>
    <col min="1293" max="1296" width="5.109375" style="479" customWidth="1"/>
    <col min="1297" max="1536" width="9" style="479"/>
    <col min="1537" max="1537" width="4.44140625" style="479" customWidth="1"/>
    <col min="1538" max="1538" width="6.6640625" style="479" customWidth="1"/>
    <col min="1539" max="1539" width="40.6640625" style="479" customWidth="1"/>
    <col min="1540" max="1540" width="6.6640625" style="479" customWidth="1"/>
    <col min="1541" max="1541" width="40.6640625" style="479" customWidth="1"/>
    <col min="1542" max="1548" width="4.44140625" style="479" customWidth="1"/>
    <col min="1549" max="1552" width="5.109375" style="479" customWidth="1"/>
    <col min="1553" max="1792" width="9" style="479"/>
    <col min="1793" max="1793" width="4.44140625" style="479" customWidth="1"/>
    <col min="1794" max="1794" width="6.6640625" style="479" customWidth="1"/>
    <col min="1795" max="1795" width="40.6640625" style="479" customWidth="1"/>
    <col min="1796" max="1796" width="6.6640625" style="479" customWidth="1"/>
    <col min="1797" max="1797" width="40.6640625" style="479" customWidth="1"/>
    <col min="1798" max="1804" width="4.44140625" style="479" customWidth="1"/>
    <col min="1805" max="1808" width="5.109375" style="479" customWidth="1"/>
    <col min="1809" max="2048" width="9" style="479"/>
    <col min="2049" max="2049" width="4.44140625" style="479" customWidth="1"/>
    <col min="2050" max="2050" width="6.6640625" style="479" customWidth="1"/>
    <col min="2051" max="2051" width="40.6640625" style="479" customWidth="1"/>
    <col min="2052" max="2052" width="6.6640625" style="479" customWidth="1"/>
    <col min="2053" max="2053" width="40.6640625" style="479" customWidth="1"/>
    <col min="2054" max="2060" width="4.44140625" style="479" customWidth="1"/>
    <col min="2061" max="2064" width="5.109375" style="479" customWidth="1"/>
    <col min="2065" max="2304" width="9" style="479"/>
    <col min="2305" max="2305" width="4.44140625" style="479" customWidth="1"/>
    <col min="2306" max="2306" width="6.6640625" style="479" customWidth="1"/>
    <col min="2307" max="2307" width="40.6640625" style="479" customWidth="1"/>
    <col min="2308" max="2308" width="6.6640625" style="479" customWidth="1"/>
    <col min="2309" max="2309" width="40.6640625" style="479" customWidth="1"/>
    <col min="2310" max="2316" width="4.44140625" style="479" customWidth="1"/>
    <col min="2317" max="2320" width="5.109375" style="479" customWidth="1"/>
    <col min="2321" max="2560" width="9" style="479"/>
    <col min="2561" max="2561" width="4.44140625" style="479" customWidth="1"/>
    <col min="2562" max="2562" width="6.6640625" style="479" customWidth="1"/>
    <col min="2563" max="2563" width="40.6640625" style="479" customWidth="1"/>
    <col min="2564" max="2564" width="6.6640625" style="479" customWidth="1"/>
    <col min="2565" max="2565" width="40.6640625" style="479" customWidth="1"/>
    <col min="2566" max="2572" width="4.44140625" style="479" customWidth="1"/>
    <col min="2573" max="2576" width="5.109375" style="479" customWidth="1"/>
    <col min="2577" max="2816" width="9" style="479"/>
    <col min="2817" max="2817" width="4.44140625" style="479" customWidth="1"/>
    <col min="2818" max="2818" width="6.6640625" style="479" customWidth="1"/>
    <col min="2819" max="2819" width="40.6640625" style="479" customWidth="1"/>
    <col min="2820" max="2820" width="6.6640625" style="479" customWidth="1"/>
    <col min="2821" max="2821" width="40.6640625" style="479" customWidth="1"/>
    <col min="2822" max="2828" width="4.44140625" style="479" customWidth="1"/>
    <col min="2829" max="2832" width="5.109375" style="479" customWidth="1"/>
    <col min="2833" max="3072" width="9" style="479"/>
    <col min="3073" max="3073" width="4.44140625" style="479" customWidth="1"/>
    <col min="3074" max="3074" width="6.6640625" style="479" customWidth="1"/>
    <col min="3075" max="3075" width="40.6640625" style="479" customWidth="1"/>
    <col min="3076" max="3076" width="6.6640625" style="479" customWidth="1"/>
    <col min="3077" max="3077" width="40.6640625" style="479" customWidth="1"/>
    <col min="3078" max="3084" width="4.44140625" style="479" customWidth="1"/>
    <col min="3085" max="3088" width="5.109375" style="479" customWidth="1"/>
    <col min="3089" max="3328" width="9" style="479"/>
    <col min="3329" max="3329" width="4.44140625" style="479" customWidth="1"/>
    <col min="3330" max="3330" width="6.6640625" style="479" customWidth="1"/>
    <col min="3331" max="3331" width="40.6640625" style="479" customWidth="1"/>
    <col min="3332" max="3332" width="6.6640625" style="479" customWidth="1"/>
    <col min="3333" max="3333" width="40.6640625" style="479" customWidth="1"/>
    <col min="3334" max="3340" width="4.44140625" style="479" customWidth="1"/>
    <col min="3341" max="3344" width="5.109375" style="479" customWidth="1"/>
    <col min="3345" max="3584" width="9" style="479"/>
    <col min="3585" max="3585" width="4.44140625" style="479" customWidth="1"/>
    <col min="3586" max="3586" width="6.6640625" style="479" customWidth="1"/>
    <col min="3587" max="3587" width="40.6640625" style="479" customWidth="1"/>
    <col min="3588" max="3588" width="6.6640625" style="479" customWidth="1"/>
    <col min="3589" max="3589" width="40.6640625" style="479" customWidth="1"/>
    <col min="3590" max="3596" width="4.44140625" style="479" customWidth="1"/>
    <col min="3597" max="3600" width="5.109375" style="479" customWidth="1"/>
    <col min="3601" max="3840" width="9" style="479"/>
    <col min="3841" max="3841" width="4.44140625" style="479" customWidth="1"/>
    <col min="3842" max="3842" width="6.6640625" style="479" customWidth="1"/>
    <col min="3843" max="3843" width="40.6640625" style="479" customWidth="1"/>
    <col min="3844" max="3844" width="6.6640625" style="479" customWidth="1"/>
    <col min="3845" max="3845" width="40.6640625" style="479" customWidth="1"/>
    <col min="3846" max="3852" width="4.44140625" style="479" customWidth="1"/>
    <col min="3853" max="3856" width="5.109375" style="479" customWidth="1"/>
    <col min="3857" max="4096" width="9" style="479"/>
    <col min="4097" max="4097" width="4.44140625" style="479" customWidth="1"/>
    <col min="4098" max="4098" width="6.6640625" style="479" customWidth="1"/>
    <col min="4099" max="4099" width="40.6640625" style="479" customWidth="1"/>
    <col min="4100" max="4100" width="6.6640625" style="479" customWidth="1"/>
    <col min="4101" max="4101" width="40.6640625" style="479" customWidth="1"/>
    <col min="4102" max="4108" width="4.44140625" style="479" customWidth="1"/>
    <col min="4109" max="4112" width="5.109375" style="479" customWidth="1"/>
    <col min="4113" max="4352" width="9" style="479"/>
    <col min="4353" max="4353" width="4.44140625" style="479" customWidth="1"/>
    <col min="4354" max="4354" width="6.6640625" style="479" customWidth="1"/>
    <col min="4355" max="4355" width="40.6640625" style="479" customWidth="1"/>
    <col min="4356" max="4356" width="6.6640625" style="479" customWidth="1"/>
    <col min="4357" max="4357" width="40.6640625" style="479" customWidth="1"/>
    <col min="4358" max="4364" width="4.44140625" style="479" customWidth="1"/>
    <col min="4365" max="4368" width="5.109375" style="479" customWidth="1"/>
    <col min="4369" max="4608" width="9" style="479"/>
    <col min="4609" max="4609" width="4.44140625" style="479" customWidth="1"/>
    <col min="4610" max="4610" width="6.6640625" style="479" customWidth="1"/>
    <col min="4611" max="4611" width="40.6640625" style="479" customWidth="1"/>
    <col min="4612" max="4612" width="6.6640625" style="479" customWidth="1"/>
    <col min="4613" max="4613" width="40.6640625" style="479" customWidth="1"/>
    <col min="4614" max="4620" width="4.44140625" style="479" customWidth="1"/>
    <col min="4621" max="4624" width="5.109375" style="479" customWidth="1"/>
    <col min="4625" max="4864" width="9" style="479"/>
    <col min="4865" max="4865" width="4.44140625" style="479" customWidth="1"/>
    <col min="4866" max="4866" width="6.6640625" style="479" customWidth="1"/>
    <col min="4867" max="4867" width="40.6640625" style="479" customWidth="1"/>
    <col min="4868" max="4868" width="6.6640625" style="479" customWidth="1"/>
    <col min="4869" max="4869" width="40.6640625" style="479" customWidth="1"/>
    <col min="4870" max="4876" width="4.44140625" style="479" customWidth="1"/>
    <col min="4877" max="4880" width="5.109375" style="479" customWidth="1"/>
    <col min="4881" max="5120" width="9" style="479"/>
    <col min="5121" max="5121" width="4.44140625" style="479" customWidth="1"/>
    <col min="5122" max="5122" width="6.6640625" style="479" customWidth="1"/>
    <col min="5123" max="5123" width="40.6640625" style="479" customWidth="1"/>
    <col min="5124" max="5124" width="6.6640625" style="479" customWidth="1"/>
    <col min="5125" max="5125" width="40.6640625" style="479" customWidth="1"/>
    <col min="5126" max="5132" width="4.44140625" style="479" customWidth="1"/>
    <col min="5133" max="5136" width="5.109375" style="479" customWidth="1"/>
    <col min="5137" max="5376" width="9" style="479"/>
    <col min="5377" max="5377" width="4.44140625" style="479" customWidth="1"/>
    <col min="5378" max="5378" width="6.6640625" style="479" customWidth="1"/>
    <col min="5379" max="5379" width="40.6640625" style="479" customWidth="1"/>
    <col min="5380" max="5380" width="6.6640625" style="479" customWidth="1"/>
    <col min="5381" max="5381" width="40.6640625" style="479" customWidth="1"/>
    <col min="5382" max="5388" width="4.44140625" style="479" customWidth="1"/>
    <col min="5389" max="5392" width="5.109375" style="479" customWidth="1"/>
    <col min="5393" max="5632" width="9" style="479"/>
    <col min="5633" max="5633" width="4.44140625" style="479" customWidth="1"/>
    <col min="5634" max="5634" width="6.6640625" style="479" customWidth="1"/>
    <col min="5635" max="5635" width="40.6640625" style="479" customWidth="1"/>
    <col min="5636" max="5636" width="6.6640625" style="479" customWidth="1"/>
    <col min="5637" max="5637" width="40.6640625" style="479" customWidth="1"/>
    <col min="5638" max="5644" width="4.44140625" style="479" customWidth="1"/>
    <col min="5645" max="5648" width="5.109375" style="479" customWidth="1"/>
    <col min="5649" max="5888" width="9" style="479"/>
    <col min="5889" max="5889" width="4.44140625" style="479" customWidth="1"/>
    <col min="5890" max="5890" width="6.6640625" style="479" customWidth="1"/>
    <col min="5891" max="5891" width="40.6640625" style="479" customWidth="1"/>
    <col min="5892" max="5892" width="6.6640625" style="479" customWidth="1"/>
    <col min="5893" max="5893" width="40.6640625" style="479" customWidth="1"/>
    <col min="5894" max="5900" width="4.44140625" style="479" customWidth="1"/>
    <col min="5901" max="5904" width="5.109375" style="479" customWidth="1"/>
    <col min="5905" max="6144" width="9" style="479"/>
    <col min="6145" max="6145" width="4.44140625" style="479" customWidth="1"/>
    <col min="6146" max="6146" width="6.6640625" style="479" customWidth="1"/>
    <col min="6147" max="6147" width="40.6640625" style="479" customWidth="1"/>
    <col min="6148" max="6148" width="6.6640625" style="479" customWidth="1"/>
    <col min="6149" max="6149" width="40.6640625" style="479" customWidth="1"/>
    <col min="6150" max="6156" width="4.44140625" style="479" customWidth="1"/>
    <col min="6157" max="6160" width="5.109375" style="479" customWidth="1"/>
    <col min="6161" max="6400" width="9" style="479"/>
    <col min="6401" max="6401" width="4.44140625" style="479" customWidth="1"/>
    <col min="6402" max="6402" width="6.6640625" style="479" customWidth="1"/>
    <col min="6403" max="6403" width="40.6640625" style="479" customWidth="1"/>
    <col min="6404" max="6404" width="6.6640625" style="479" customWidth="1"/>
    <col min="6405" max="6405" width="40.6640625" style="479" customWidth="1"/>
    <col min="6406" max="6412" width="4.44140625" style="479" customWidth="1"/>
    <col min="6413" max="6416" width="5.109375" style="479" customWidth="1"/>
    <col min="6417" max="6656" width="9" style="479"/>
    <col min="6657" max="6657" width="4.44140625" style="479" customWidth="1"/>
    <col min="6658" max="6658" width="6.6640625" style="479" customWidth="1"/>
    <col min="6659" max="6659" width="40.6640625" style="479" customWidth="1"/>
    <col min="6660" max="6660" width="6.6640625" style="479" customWidth="1"/>
    <col min="6661" max="6661" width="40.6640625" style="479" customWidth="1"/>
    <col min="6662" max="6668" width="4.44140625" style="479" customWidth="1"/>
    <col min="6669" max="6672" width="5.109375" style="479" customWidth="1"/>
    <col min="6673" max="6912" width="9" style="479"/>
    <col min="6913" max="6913" width="4.44140625" style="479" customWidth="1"/>
    <col min="6914" max="6914" width="6.6640625" style="479" customWidth="1"/>
    <col min="6915" max="6915" width="40.6640625" style="479" customWidth="1"/>
    <col min="6916" max="6916" width="6.6640625" style="479" customWidth="1"/>
    <col min="6917" max="6917" width="40.6640625" style="479" customWidth="1"/>
    <col min="6918" max="6924" width="4.44140625" style="479" customWidth="1"/>
    <col min="6925" max="6928" width="5.109375" style="479" customWidth="1"/>
    <col min="6929" max="7168" width="9" style="479"/>
    <col min="7169" max="7169" width="4.44140625" style="479" customWidth="1"/>
    <col min="7170" max="7170" width="6.6640625" style="479" customWidth="1"/>
    <col min="7171" max="7171" width="40.6640625" style="479" customWidth="1"/>
    <col min="7172" max="7172" width="6.6640625" style="479" customWidth="1"/>
    <col min="7173" max="7173" width="40.6640625" style="479" customWidth="1"/>
    <col min="7174" max="7180" width="4.44140625" style="479" customWidth="1"/>
    <col min="7181" max="7184" width="5.109375" style="479" customWidth="1"/>
    <col min="7185" max="7424" width="9" style="479"/>
    <col min="7425" max="7425" width="4.44140625" style="479" customWidth="1"/>
    <col min="7426" max="7426" width="6.6640625" style="479" customWidth="1"/>
    <col min="7427" max="7427" width="40.6640625" style="479" customWidth="1"/>
    <col min="7428" max="7428" width="6.6640625" style="479" customWidth="1"/>
    <col min="7429" max="7429" width="40.6640625" style="479" customWidth="1"/>
    <col min="7430" max="7436" width="4.44140625" style="479" customWidth="1"/>
    <col min="7437" max="7440" width="5.109375" style="479" customWidth="1"/>
    <col min="7441" max="7680" width="9" style="479"/>
    <col min="7681" max="7681" width="4.44140625" style="479" customWidth="1"/>
    <col min="7682" max="7682" width="6.6640625" style="479" customWidth="1"/>
    <col min="7683" max="7683" width="40.6640625" style="479" customWidth="1"/>
    <col min="7684" max="7684" width="6.6640625" style="479" customWidth="1"/>
    <col min="7685" max="7685" width="40.6640625" style="479" customWidth="1"/>
    <col min="7686" max="7692" width="4.44140625" style="479" customWidth="1"/>
    <col min="7693" max="7696" width="5.109375" style="479" customWidth="1"/>
    <col min="7697" max="7936" width="9" style="479"/>
    <col min="7937" max="7937" width="4.44140625" style="479" customWidth="1"/>
    <col min="7938" max="7938" width="6.6640625" style="479" customWidth="1"/>
    <col min="7939" max="7939" width="40.6640625" style="479" customWidth="1"/>
    <col min="7940" max="7940" width="6.6640625" style="479" customWidth="1"/>
    <col min="7941" max="7941" width="40.6640625" style="479" customWidth="1"/>
    <col min="7942" max="7948" width="4.44140625" style="479" customWidth="1"/>
    <col min="7949" max="7952" width="5.109375" style="479" customWidth="1"/>
    <col min="7953" max="8192" width="9" style="479"/>
    <col min="8193" max="8193" width="4.44140625" style="479" customWidth="1"/>
    <col min="8194" max="8194" width="6.6640625" style="479" customWidth="1"/>
    <col min="8195" max="8195" width="40.6640625" style="479" customWidth="1"/>
    <col min="8196" max="8196" width="6.6640625" style="479" customWidth="1"/>
    <col min="8197" max="8197" width="40.6640625" style="479" customWidth="1"/>
    <col min="8198" max="8204" width="4.44140625" style="479" customWidth="1"/>
    <col min="8205" max="8208" width="5.109375" style="479" customWidth="1"/>
    <col min="8209" max="8448" width="9" style="479"/>
    <col min="8449" max="8449" width="4.44140625" style="479" customWidth="1"/>
    <col min="8450" max="8450" width="6.6640625" style="479" customWidth="1"/>
    <col min="8451" max="8451" width="40.6640625" style="479" customWidth="1"/>
    <col min="8452" max="8452" width="6.6640625" style="479" customWidth="1"/>
    <col min="8453" max="8453" width="40.6640625" style="479" customWidth="1"/>
    <col min="8454" max="8460" width="4.44140625" style="479" customWidth="1"/>
    <col min="8461" max="8464" width="5.109375" style="479" customWidth="1"/>
    <col min="8465" max="8704" width="9" style="479"/>
    <col min="8705" max="8705" width="4.44140625" style="479" customWidth="1"/>
    <col min="8706" max="8706" width="6.6640625" style="479" customWidth="1"/>
    <col min="8707" max="8707" width="40.6640625" style="479" customWidth="1"/>
    <col min="8708" max="8708" width="6.6640625" style="479" customWidth="1"/>
    <col min="8709" max="8709" width="40.6640625" style="479" customWidth="1"/>
    <col min="8710" max="8716" width="4.44140625" style="479" customWidth="1"/>
    <col min="8717" max="8720" width="5.109375" style="479" customWidth="1"/>
    <col min="8721" max="8960" width="9" style="479"/>
    <col min="8961" max="8961" width="4.44140625" style="479" customWidth="1"/>
    <col min="8962" max="8962" width="6.6640625" style="479" customWidth="1"/>
    <col min="8963" max="8963" width="40.6640625" style="479" customWidth="1"/>
    <col min="8964" max="8964" width="6.6640625" style="479" customWidth="1"/>
    <col min="8965" max="8965" width="40.6640625" style="479" customWidth="1"/>
    <col min="8966" max="8972" width="4.44140625" style="479" customWidth="1"/>
    <col min="8973" max="8976" width="5.109375" style="479" customWidth="1"/>
    <col min="8977" max="9216" width="9" style="479"/>
    <col min="9217" max="9217" width="4.44140625" style="479" customWidth="1"/>
    <col min="9218" max="9218" width="6.6640625" style="479" customWidth="1"/>
    <col min="9219" max="9219" width="40.6640625" style="479" customWidth="1"/>
    <col min="9220" max="9220" width="6.6640625" style="479" customWidth="1"/>
    <col min="9221" max="9221" width="40.6640625" style="479" customWidth="1"/>
    <col min="9222" max="9228" width="4.44140625" style="479" customWidth="1"/>
    <col min="9229" max="9232" width="5.109375" style="479" customWidth="1"/>
    <col min="9233" max="9472" width="9" style="479"/>
    <col min="9473" max="9473" width="4.44140625" style="479" customWidth="1"/>
    <col min="9474" max="9474" width="6.6640625" style="479" customWidth="1"/>
    <col min="9475" max="9475" width="40.6640625" style="479" customWidth="1"/>
    <col min="9476" max="9476" width="6.6640625" style="479" customWidth="1"/>
    <col min="9477" max="9477" width="40.6640625" style="479" customWidth="1"/>
    <col min="9478" max="9484" width="4.44140625" style="479" customWidth="1"/>
    <col min="9485" max="9488" width="5.109375" style="479" customWidth="1"/>
    <col min="9489" max="9728" width="9" style="479"/>
    <col min="9729" max="9729" width="4.44140625" style="479" customWidth="1"/>
    <col min="9730" max="9730" width="6.6640625" style="479" customWidth="1"/>
    <col min="9731" max="9731" width="40.6640625" style="479" customWidth="1"/>
    <col min="9732" max="9732" width="6.6640625" style="479" customWidth="1"/>
    <col min="9733" max="9733" width="40.6640625" style="479" customWidth="1"/>
    <col min="9734" max="9740" width="4.44140625" style="479" customWidth="1"/>
    <col min="9741" max="9744" width="5.109375" style="479" customWidth="1"/>
    <col min="9745" max="9984" width="9" style="479"/>
    <col min="9985" max="9985" width="4.44140625" style="479" customWidth="1"/>
    <col min="9986" max="9986" width="6.6640625" style="479" customWidth="1"/>
    <col min="9987" max="9987" width="40.6640625" style="479" customWidth="1"/>
    <col min="9988" max="9988" width="6.6640625" style="479" customWidth="1"/>
    <col min="9989" max="9989" width="40.6640625" style="479" customWidth="1"/>
    <col min="9990" max="9996" width="4.44140625" style="479" customWidth="1"/>
    <col min="9997" max="10000" width="5.109375" style="479" customWidth="1"/>
    <col min="10001" max="10240" width="9" style="479"/>
    <col min="10241" max="10241" width="4.44140625" style="479" customWidth="1"/>
    <col min="10242" max="10242" width="6.6640625" style="479" customWidth="1"/>
    <col min="10243" max="10243" width="40.6640625" style="479" customWidth="1"/>
    <col min="10244" max="10244" width="6.6640625" style="479" customWidth="1"/>
    <col min="10245" max="10245" width="40.6640625" style="479" customWidth="1"/>
    <col min="10246" max="10252" width="4.44140625" style="479" customWidth="1"/>
    <col min="10253" max="10256" width="5.109375" style="479" customWidth="1"/>
    <col min="10257" max="10496" width="9" style="479"/>
    <col min="10497" max="10497" width="4.44140625" style="479" customWidth="1"/>
    <col min="10498" max="10498" width="6.6640625" style="479" customWidth="1"/>
    <col min="10499" max="10499" width="40.6640625" style="479" customWidth="1"/>
    <col min="10500" max="10500" width="6.6640625" style="479" customWidth="1"/>
    <col min="10501" max="10501" width="40.6640625" style="479" customWidth="1"/>
    <col min="10502" max="10508" width="4.44140625" style="479" customWidth="1"/>
    <col min="10509" max="10512" width="5.109375" style="479" customWidth="1"/>
    <col min="10513" max="10752" width="9" style="479"/>
    <col min="10753" max="10753" width="4.44140625" style="479" customWidth="1"/>
    <col min="10754" max="10754" width="6.6640625" style="479" customWidth="1"/>
    <col min="10755" max="10755" width="40.6640625" style="479" customWidth="1"/>
    <col min="10756" max="10756" width="6.6640625" style="479" customWidth="1"/>
    <col min="10757" max="10757" width="40.6640625" style="479" customWidth="1"/>
    <col min="10758" max="10764" width="4.44140625" style="479" customWidth="1"/>
    <col min="10765" max="10768" width="5.109375" style="479" customWidth="1"/>
    <col min="10769" max="11008" width="9" style="479"/>
    <col min="11009" max="11009" width="4.44140625" style="479" customWidth="1"/>
    <col min="11010" max="11010" width="6.6640625" style="479" customWidth="1"/>
    <col min="11011" max="11011" width="40.6640625" style="479" customWidth="1"/>
    <col min="11012" max="11012" width="6.6640625" style="479" customWidth="1"/>
    <col min="11013" max="11013" width="40.6640625" style="479" customWidth="1"/>
    <col min="11014" max="11020" width="4.44140625" style="479" customWidth="1"/>
    <col min="11021" max="11024" width="5.109375" style="479" customWidth="1"/>
    <col min="11025" max="11264" width="9" style="479"/>
    <col min="11265" max="11265" width="4.44140625" style="479" customWidth="1"/>
    <col min="11266" max="11266" width="6.6640625" style="479" customWidth="1"/>
    <col min="11267" max="11267" width="40.6640625" style="479" customWidth="1"/>
    <col min="11268" max="11268" width="6.6640625" style="479" customWidth="1"/>
    <col min="11269" max="11269" width="40.6640625" style="479" customWidth="1"/>
    <col min="11270" max="11276" width="4.44140625" style="479" customWidth="1"/>
    <col min="11277" max="11280" width="5.109375" style="479" customWidth="1"/>
    <col min="11281" max="11520" width="9" style="479"/>
    <col min="11521" max="11521" width="4.44140625" style="479" customWidth="1"/>
    <col min="11522" max="11522" width="6.6640625" style="479" customWidth="1"/>
    <col min="11523" max="11523" width="40.6640625" style="479" customWidth="1"/>
    <col min="11524" max="11524" width="6.6640625" style="479" customWidth="1"/>
    <col min="11525" max="11525" width="40.6640625" style="479" customWidth="1"/>
    <col min="11526" max="11532" width="4.44140625" style="479" customWidth="1"/>
    <col min="11533" max="11536" width="5.109375" style="479" customWidth="1"/>
    <col min="11537" max="11776" width="9" style="479"/>
    <col min="11777" max="11777" width="4.44140625" style="479" customWidth="1"/>
    <col min="11778" max="11778" width="6.6640625" style="479" customWidth="1"/>
    <col min="11779" max="11779" width="40.6640625" style="479" customWidth="1"/>
    <col min="11780" max="11780" width="6.6640625" style="479" customWidth="1"/>
    <col min="11781" max="11781" width="40.6640625" style="479" customWidth="1"/>
    <col min="11782" max="11788" width="4.44140625" style="479" customWidth="1"/>
    <col min="11789" max="11792" width="5.109375" style="479" customWidth="1"/>
    <col min="11793" max="12032" width="9" style="479"/>
    <col min="12033" max="12033" width="4.44140625" style="479" customWidth="1"/>
    <col min="12034" max="12034" width="6.6640625" style="479" customWidth="1"/>
    <col min="12035" max="12035" width="40.6640625" style="479" customWidth="1"/>
    <col min="12036" max="12036" width="6.6640625" style="479" customWidth="1"/>
    <col min="12037" max="12037" width="40.6640625" style="479" customWidth="1"/>
    <col min="12038" max="12044" width="4.44140625" style="479" customWidth="1"/>
    <col min="12045" max="12048" width="5.109375" style="479" customWidth="1"/>
    <col min="12049" max="12288" width="9" style="479"/>
    <col min="12289" max="12289" width="4.44140625" style="479" customWidth="1"/>
    <col min="12290" max="12290" width="6.6640625" style="479" customWidth="1"/>
    <col min="12291" max="12291" width="40.6640625" style="479" customWidth="1"/>
    <col min="12292" max="12292" width="6.6640625" style="479" customWidth="1"/>
    <col min="12293" max="12293" width="40.6640625" style="479" customWidth="1"/>
    <col min="12294" max="12300" width="4.44140625" style="479" customWidth="1"/>
    <col min="12301" max="12304" width="5.109375" style="479" customWidth="1"/>
    <col min="12305" max="12544" width="9" style="479"/>
    <col min="12545" max="12545" width="4.44140625" style="479" customWidth="1"/>
    <col min="12546" max="12546" width="6.6640625" style="479" customWidth="1"/>
    <col min="12547" max="12547" width="40.6640625" style="479" customWidth="1"/>
    <col min="12548" max="12548" width="6.6640625" style="479" customWidth="1"/>
    <col min="12549" max="12549" width="40.6640625" style="479" customWidth="1"/>
    <col min="12550" max="12556" width="4.44140625" style="479" customWidth="1"/>
    <col min="12557" max="12560" width="5.109375" style="479" customWidth="1"/>
    <col min="12561" max="12800" width="9" style="479"/>
    <col min="12801" max="12801" width="4.44140625" style="479" customWidth="1"/>
    <col min="12802" max="12802" width="6.6640625" style="479" customWidth="1"/>
    <col min="12803" max="12803" width="40.6640625" style="479" customWidth="1"/>
    <col min="12804" max="12804" width="6.6640625" style="479" customWidth="1"/>
    <col min="12805" max="12805" width="40.6640625" style="479" customWidth="1"/>
    <col min="12806" max="12812" width="4.44140625" style="479" customWidth="1"/>
    <col min="12813" max="12816" width="5.109375" style="479" customWidth="1"/>
    <col min="12817" max="13056" width="9" style="479"/>
    <col min="13057" max="13057" width="4.44140625" style="479" customWidth="1"/>
    <col min="13058" max="13058" width="6.6640625" style="479" customWidth="1"/>
    <col min="13059" max="13059" width="40.6640625" style="479" customWidth="1"/>
    <col min="13060" max="13060" width="6.6640625" style="479" customWidth="1"/>
    <col min="13061" max="13061" width="40.6640625" style="479" customWidth="1"/>
    <col min="13062" max="13068" width="4.44140625" style="479" customWidth="1"/>
    <col min="13069" max="13072" width="5.109375" style="479" customWidth="1"/>
    <col min="13073" max="13312" width="9" style="479"/>
    <col min="13313" max="13313" width="4.44140625" style="479" customWidth="1"/>
    <col min="13314" max="13314" width="6.6640625" style="479" customWidth="1"/>
    <col min="13315" max="13315" width="40.6640625" style="479" customWidth="1"/>
    <col min="13316" max="13316" width="6.6640625" style="479" customWidth="1"/>
    <col min="13317" max="13317" width="40.6640625" style="479" customWidth="1"/>
    <col min="13318" max="13324" width="4.44140625" style="479" customWidth="1"/>
    <col min="13325" max="13328" width="5.109375" style="479" customWidth="1"/>
    <col min="13329" max="13568" width="9" style="479"/>
    <col min="13569" max="13569" width="4.44140625" style="479" customWidth="1"/>
    <col min="13570" max="13570" width="6.6640625" style="479" customWidth="1"/>
    <col min="13571" max="13571" width="40.6640625" style="479" customWidth="1"/>
    <col min="13572" max="13572" width="6.6640625" style="479" customWidth="1"/>
    <col min="13573" max="13573" width="40.6640625" style="479" customWidth="1"/>
    <col min="13574" max="13580" width="4.44140625" style="479" customWidth="1"/>
    <col min="13581" max="13584" width="5.109375" style="479" customWidth="1"/>
    <col min="13585" max="13824" width="9" style="479"/>
    <col min="13825" max="13825" width="4.44140625" style="479" customWidth="1"/>
    <col min="13826" max="13826" width="6.6640625" style="479" customWidth="1"/>
    <col min="13827" max="13827" width="40.6640625" style="479" customWidth="1"/>
    <col min="13828" max="13828" width="6.6640625" style="479" customWidth="1"/>
    <col min="13829" max="13829" width="40.6640625" style="479" customWidth="1"/>
    <col min="13830" max="13836" width="4.44140625" style="479" customWidth="1"/>
    <col min="13837" max="13840" width="5.109375" style="479" customWidth="1"/>
    <col min="13841" max="14080" width="9" style="479"/>
    <col min="14081" max="14081" width="4.44140625" style="479" customWidth="1"/>
    <col min="14082" max="14082" width="6.6640625" style="479" customWidth="1"/>
    <col min="14083" max="14083" width="40.6640625" style="479" customWidth="1"/>
    <col min="14084" max="14084" width="6.6640625" style="479" customWidth="1"/>
    <col min="14085" max="14085" width="40.6640625" style="479" customWidth="1"/>
    <col min="14086" max="14092" width="4.44140625" style="479" customWidth="1"/>
    <col min="14093" max="14096" width="5.109375" style="479" customWidth="1"/>
    <col min="14097" max="14336" width="9" style="479"/>
    <col min="14337" max="14337" width="4.44140625" style="479" customWidth="1"/>
    <col min="14338" max="14338" width="6.6640625" style="479" customWidth="1"/>
    <col min="14339" max="14339" width="40.6640625" style="479" customWidth="1"/>
    <col min="14340" max="14340" width="6.6640625" style="479" customWidth="1"/>
    <col min="14341" max="14341" width="40.6640625" style="479" customWidth="1"/>
    <col min="14342" max="14348" width="4.44140625" style="479" customWidth="1"/>
    <col min="14349" max="14352" width="5.109375" style="479" customWidth="1"/>
    <col min="14353" max="14592" width="9" style="479"/>
    <col min="14593" max="14593" width="4.44140625" style="479" customWidth="1"/>
    <col min="14594" max="14594" width="6.6640625" style="479" customWidth="1"/>
    <col min="14595" max="14595" width="40.6640625" style="479" customWidth="1"/>
    <col min="14596" max="14596" width="6.6640625" style="479" customWidth="1"/>
    <col min="14597" max="14597" width="40.6640625" style="479" customWidth="1"/>
    <col min="14598" max="14604" width="4.44140625" style="479" customWidth="1"/>
    <col min="14605" max="14608" width="5.109375" style="479" customWidth="1"/>
    <col min="14609" max="14848" width="9" style="479"/>
    <col min="14849" max="14849" width="4.44140625" style="479" customWidth="1"/>
    <col min="14850" max="14850" width="6.6640625" style="479" customWidth="1"/>
    <col min="14851" max="14851" width="40.6640625" style="479" customWidth="1"/>
    <col min="14852" max="14852" width="6.6640625" style="479" customWidth="1"/>
    <col min="14853" max="14853" width="40.6640625" style="479" customWidth="1"/>
    <col min="14854" max="14860" width="4.44140625" style="479" customWidth="1"/>
    <col min="14861" max="14864" width="5.109375" style="479" customWidth="1"/>
    <col min="14865" max="15104" width="9" style="479"/>
    <col min="15105" max="15105" width="4.44140625" style="479" customWidth="1"/>
    <col min="15106" max="15106" width="6.6640625" style="479" customWidth="1"/>
    <col min="15107" max="15107" width="40.6640625" style="479" customWidth="1"/>
    <col min="15108" max="15108" width="6.6640625" style="479" customWidth="1"/>
    <col min="15109" max="15109" width="40.6640625" style="479" customWidth="1"/>
    <col min="15110" max="15116" width="4.44140625" style="479" customWidth="1"/>
    <col min="15117" max="15120" width="5.109375" style="479" customWidth="1"/>
    <col min="15121" max="15360" width="9" style="479"/>
    <col min="15361" max="15361" width="4.44140625" style="479" customWidth="1"/>
    <col min="15362" max="15362" width="6.6640625" style="479" customWidth="1"/>
    <col min="15363" max="15363" width="40.6640625" style="479" customWidth="1"/>
    <col min="15364" max="15364" width="6.6640625" style="479" customWidth="1"/>
    <col min="15365" max="15365" width="40.6640625" style="479" customWidth="1"/>
    <col min="15366" max="15372" width="4.44140625" style="479" customWidth="1"/>
    <col min="15373" max="15376" width="5.109375" style="479" customWidth="1"/>
    <col min="15377" max="15616" width="9" style="479"/>
    <col min="15617" max="15617" width="4.44140625" style="479" customWidth="1"/>
    <col min="15618" max="15618" width="6.6640625" style="479" customWidth="1"/>
    <col min="15619" max="15619" width="40.6640625" style="479" customWidth="1"/>
    <col min="15620" max="15620" width="6.6640625" style="479" customWidth="1"/>
    <col min="15621" max="15621" width="40.6640625" style="479" customWidth="1"/>
    <col min="15622" max="15628" width="4.44140625" style="479" customWidth="1"/>
    <col min="15629" max="15632" width="5.109375" style="479" customWidth="1"/>
    <col min="15633" max="15872" width="9" style="479"/>
    <col min="15873" max="15873" width="4.44140625" style="479" customWidth="1"/>
    <col min="15874" max="15874" width="6.6640625" style="479" customWidth="1"/>
    <col min="15875" max="15875" width="40.6640625" style="479" customWidth="1"/>
    <col min="15876" max="15876" width="6.6640625" style="479" customWidth="1"/>
    <col min="15877" max="15877" width="40.6640625" style="479" customWidth="1"/>
    <col min="15878" max="15884" width="4.44140625" style="479" customWidth="1"/>
    <col min="15885" max="15888" width="5.109375" style="479" customWidth="1"/>
    <col min="15889" max="16128" width="9" style="479"/>
    <col min="16129" max="16129" width="4.44140625" style="479" customWidth="1"/>
    <col min="16130" max="16130" width="6.6640625" style="479" customWidth="1"/>
    <col min="16131" max="16131" width="40.6640625" style="479" customWidth="1"/>
    <col min="16132" max="16132" width="6.6640625" style="479" customWidth="1"/>
    <col min="16133" max="16133" width="40.6640625" style="479" customWidth="1"/>
    <col min="16134" max="16140" width="4.44140625" style="479" customWidth="1"/>
    <col min="16141" max="16144" width="5.109375" style="479" customWidth="1"/>
    <col min="16145" max="16384" width="9" style="479"/>
  </cols>
  <sheetData>
    <row r="1" spans="1:19" ht="20.100000000000001" customHeight="1">
      <c r="A1" s="478" t="s">
        <v>760</v>
      </c>
    </row>
    <row r="2" spans="1:19" ht="15" customHeight="1">
      <c r="A2" s="480" t="s">
        <v>761</v>
      </c>
    </row>
    <row r="3" spans="1:19" ht="15" customHeight="1"/>
    <row r="4" spans="1:19" ht="15" customHeight="1" thickBot="1">
      <c r="A4" s="481" t="s">
        <v>762</v>
      </c>
      <c r="B4" s="482"/>
      <c r="C4" s="482"/>
    </row>
    <row r="5" spans="1:19" ht="20.100000000000001" customHeight="1" thickBot="1">
      <c r="B5" s="483" t="s">
        <v>763</v>
      </c>
      <c r="C5" s="484" t="s">
        <v>764</v>
      </c>
      <c r="D5" s="483" t="s">
        <v>763</v>
      </c>
      <c r="E5" s="485" t="s">
        <v>764</v>
      </c>
    </row>
    <row r="6" spans="1:19" ht="20.100000000000001" customHeight="1" thickTop="1">
      <c r="B6" s="486"/>
      <c r="C6" s="487" t="s">
        <v>765</v>
      </c>
      <c r="D6" s="486"/>
      <c r="E6" s="488" t="s">
        <v>766</v>
      </c>
    </row>
    <row r="7" spans="1:19" ht="20.100000000000001" customHeight="1">
      <c r="B7" s="486"/>
      <c r="C7" s="489" t="s">
        <v>767</v>
      </c>
      <c r="D7" s="486"/>
      <c r="E7" s="490" t="s">
        <v>1048</v>
      </c>
    </row>
    <row r="8" spans="1:19" ht="20.100000000000001" customHeight="1">
      <c r="B8" s="486"/>
      <c r="C8" s="489" t="s">
        <v>768</v>
      </c>
      <c r="D8" s="486"/>
      <c r="E8" s="490" t="s">
        <v>769</v>
      </c>
    </row>
    <row r="9" spans="1:19" ht="20.100000000000001" customHeight="1" thickBot="1">
      <c r="B9" s="491"/>
      <c r="C9" s="492" t="s">
        <v>770</v>
      </c>
      <c r="D9" s="491"/>
      <c r="E9" s="493" t="s">
        <v>771</v>
      </c>
    </row>
    <row r="10" spans="1:19" ht="15" customHeight="1"/>
    <row r="11" spans="1:19" ht="15" customHeight="1"/>
    <row r="12" spans="1:19" ht="20.100000000000001" customHeight="1">
      <c r="A12" s="494" t="s">
        <v>772</v>
      </c>
      <c r="B12" s="495"/>
      <c r="C12" s="495"/>
      <c r="D12" s="495"/>
      <c r="E12" s="495"/>
      <c r="F12" s="495"/>
      <c r="G12" s="495"/>
      <c r="H12" s="495"/>
      <c r="I12" s="495"/>
      <c r="J12" s="495"/>
      <c r="K12" s="495"/>
      <c r="L12" s="495"/>
      <c r="M12" s="495"/>
      <c r="N12" s="495"/>
      <c r="O12" s="495"/>
      <c r="P12" s="495"/>
      <c r="Q12" s="495"/>
      <c r="R12" s="495"/>
      <c r="S12" s="495"/>
    </row>
    <row r="13" spans="1:19" ht="15" customHeight="1">
      <c r="A13" s="480" t="s">
        <v>761</v>
      </c>
      <c r="B13" s="495"/>
      <c r="C13" s="495"/>
      <c r="D13" s="495"/>
      <c r="E13" s="495"/>
      <c r="F13" s="495"/>
      <c r="G13" s="495"/>
      <c r="H13" s="495"/>
      <c r="I13" s="495"/>
      <c r="J13" s="495"/>
      <c r="K13" s="495"/>
      <c r="L13" s="495"/>
      <c r="M13" s="495"/>
      <c r="N13" s="495"/>
      <c r="O13" s="495"/>
      <c r="P13" s="495"/>
      <c r="Q13" s="495"/>
      <c r="R13" s="495"/>
      <c r="S13" s="495"/>
    </row>
    <row r="14" spans="1:19" ht="15" customHeight="1">
      <c r="B14" s="495"/>
      <c r="C14" s="495"/>
      <c r="D14" s="495"/>
      <c r="E14" s="495"/>
      <c r="F14" s="495"/>
      <c r="G14" s="495"/>
      <c r="H14" s="495"/>
      <c r="I14" s="495"/>
      <c r="J14" s="495"/>
      <c r="K14" s="495"/>
      <c r="L14" s="495"/>
      <c r="M14" s="495"/>
      <c r="N14" s="495"/>
      <c r="O14" s="495"/>
      <c r="P14" s="495"/>
      <c r="Q14" s="495"/>
      <c r="R14" s="495"/>
      <c r="S14" s="495"/>
    </row>
    <row r="15" spans="1:19" ht="15" customHeight="1" thickBot="1">
      <c r="A15" s="496" t="s">
        <v>773</v>
      </c>
      <c r="B15" s="495"/>
      <c r="C15" s="495"/>
      <c r="D15" s="495"/>
      <c r="E15" s="495"/>
      <c r="F15" s="495"/>
      <c r="G15" s="495"/>
      <c r="H15" s="495"/>
      <c r="I15" s="495"/>
      <c r="J15" s="495"/>
      <c r="K15" s="495"/>
      <c r="L15" s="495"/>
      <c r="M15" s="495"/>
      <c r="N15" s="495"/>
      <c r="O15" s="495"/>
      <c r="P15" s="495"/>
      <c r="Q15" s="495"/>
      <c r="R15" s="495"/>
      <c r="S15" s="495"/>
    </row>
    <row r="16" spans="1:19" ht="20.100000000000001" customHeight="1" thickBot="1">
      <c r="B16" s="483" t="s">
        <v>763</v>
      </c>
      <c r="C16" s="484" t="s">
        <v>764</v>
      </c>
      <c r="D16" s="483" t="s">
        <v>763</v>
      </c>
      <c r="E16" s="485" t="s">
        <v>764</v>
      </c>
      <c r="F16" s="497"/>
      <c r="G16" s="497"/>
      <c r="H16" s="497"/>
      <c r="I16" s="497"/>
      <c r="J16" s="497"/>
      <c r="K16" s="497"/>
      <c r="L16" s="497"/>
      <c r="M16" s="497"/>
      <c r="N16" s="497"/>
      <c r="O16" s="497"/>
      <c r="P16" s="497"/>
      <c r="Q16" s="497"/>
      <c r="R16" s="497"/>
      <c r="S16" s="497"/>
    </row>
    <row r="17" spans="1:19" ht="20.100000000000001" customHeight="1" thickTop="1">
      <c r="B17" s="486"/>
      <c r="C17" s="487" t="s">
        <v>774</v>
      </c>
      <c r="D17" s="486"/>
      <c r="E17" s="488" t="s">
        <v>775</v>
      </c>
      <c r="F17" s="497"/>
      <c r="G17" s="497"/>
      <c r="H17" s="497"/>
      <c r="I17" s="497"/>
      <c r="J17" s="497"/>
      <c r="K17" s="497"/>
      <c r="L17" s="497"/>
      <c r="M17" s="497"/>
      <c r="N17" s="497"/>
      <c r="O17" s="497"/>
      <c r="P17" s="497"/>
      <c r="Q17" s="497"/>
      <c r="R17" s="497"/>
      <c r="S17" s="497"/>
    </row>
    <row r="18" spans="1:19" ht="20.100000000000001" customHeight="1">
      <c r="B18" s="486"/>
      <c r="C18" s="487" t="s">
        <v>776</v>
      </c>
      <c r="D18" s="486"/>
      <c r="E18" s="488" t="s">
        <v>777</v>
      </c>
      <c r="F18" s="497"/>
      <c r="G18" s="497"/>
      <c r="H18" s="497"/>
      <c r="I18" s="497"/>
      <c r="J18" s="497"/>
      <c r="K18" s="497"/>
      <c r="L18" s="497"/>
      <c r="M18" s="497"/>
      <c r="N18" s="497"/>
      <c r="O18" s="497"/>
      <c r="P18" s="497"/>
      <c r="Q18" s="497"/>
      <c r="R18" s="497"/>
      <c r="S18" s="497"/>
    </row>
    <row r="19" spans="1:19" ht="20.100000000000001" customHeight="1">
      <c r="B19" s="486"/>
      <c r="C19" s="487" t="s">
        <v>778</v>
      </c>
      <c r="D19" s="486"/>
      <c r="E19" s="488" t="s">
        <v>779</v>
      </c>
      <c r="F19" s="497"/>
      <c r="G19" s="497"/>
      <c r="H19" s="497"/>
      <c r="I19" s="497"/>
      <c r="J19" s="497"/>
      <c r="K19" s="497"/>
      <c r="L19" s="497"/>
      <c r="M19" s="497"/>
      <c r="N19" s="497"/>
      <c r="O19" s="497"/>
      <c r="P19" s="497"/>
      <c r="Q19" s="497"/>
      <c r="R19" s="497"/>
      <c r="S19" s="497"/>
    </row>
    <row r="20" spans="1:19" ht="20.100000000000001" customHeight="1">
      <c r="B20" s="498"/>
      <c r="C20" s="499" t="s">
        <v>780</v>
      </c>
      <c r="D20" s="498"/>
      <c r="E20" s="500" t="s">
        <v>781</v>
      </c>
      <c r="F20" s="497"/>
      <c r="G20" s="497"/>
      <c r="H20" s="497"/>
      <c r="I20" s="497"/>
      <c r="J20" s="497"/>
      <c r="K20" s="497"/>
      <c r="L20" s="497"/>
      <c r="M20" s="497"/>
      <c r="N20" s="497"/>
      <c r="O20" s="497"/>
      <c r="P20" s="497"/>
      <c r="Q20" s="497"/>
      <c r="R20" s="497"/>
      <c r="S20" s="497"/>
    </row>
    <row r="21" spans="1:19" ht="20.100000000000001" customHeight="1">
      <c r="B21" s="501"/>
      <c r="C21" s="502" t="s">
        <v>44</v>
      </c>
      <c r="D21" s="501"/>
      <c r="E21" s="503" t="s">
        <v>782</v>
      </c>
      <c r="F21" s="497"/>
      <c r="G21" s="497"/>
      <c r="H21" s="497"/>
      <c r="I21" s="497"/>
      <c r="J21" s="497"/>
      <c r="K21" s="497"/>
      <c r="L21" s="497"/>
      <c r="M21" s="497"/>
      <c r="N21" s="497"/>
      <c r="O21" s="497"/>
      <c r="P21" s="497"/>
      <c r="Q21" s="497"/>
      <c r="R21" s="497"/>
      <c r="S21" s="497"/>
    </row>
    <row r="22" spans="1:19" ht="20.100000000000001" customHeight="1" thickBot="1">
      <c r="B22" s="491"/>
      <c r="C22" s="492" t="s">
        <v>783</v>
      </c>
      <c r="D22" s="491"/>
      <c r="E22" s="493" t="s">
        <v>45</v>
      </c>
      <c r="F22" s="497"/>
      <c r="G22" s="497"/>
      <c r="H22" s="497"/>
      <c r="I22" s="497"/>
      <c r="J22" s="497"/>
      <c r="K22" s="497"/>
      <c r="L22" s="497"/>
      <c r="M22" s="497"/>
      <c r="N22" s="497"/>
      <c r="O22" s="497"/>
      <c r="P22" s="497"/>
      <c r="Q22" s="497"/>
      <c r="R22" s="497"/>
      <c r="S22" s="497"/>
    </row>
    <row r="23" spans="1:19" ht="15" customHeight="1">
      <c r="C23" s="497"/>
      <c r="D23" s="497"/>
      <c r="E23" s="497"/>
      <c r="F23" s="497"/>
      <c r="G23" s="497"/>
      <c r="H23" s="497"/>
      <c r="I23" s="497"/>
      <c r="J23" s="497"/>
      <c r="K23" s="497"/>
      <c r="L23" s="497"/>
      <c r="M23" s="497"/>
      <c r="N23" s="497"/>
      <c r="O23" s="497"/>
      <c r="P23" s="497"/>
      <c r="Q23" s="497"/>
      <c r="R23" s="497"/>
      <c r="S23" s="497"/>
    </row>
    <row r="24" spans="1:19" ht="15" customHeight="1" thickBot="1">
      <c r="A24" s="496" t="s">
        <v>784</v>
      </c>
      <c r="B24" s="495"/>
      <c r="C24" s="495"/>
      <c r="D24" s="495"/>
      <c r="E24" s="495"/>
      <c r="F24" s="495"/>
      <c r="G24" s="495"/>
      <c r="H24" s="495"/>
      <c r="I24" s="495"/>
      <c r="J24" s="495"/>
      <c r="K24" s="495"/>
      <c r="L24" s="495"/>
      <c r="M24" s="495"/>
      <c r="N24" s="495"/>
      <c r="O24" s="495"/>
      <c r="P24" s="495"/>
      <c r="Q24" s="495"/>
      <c r="R24" s="495"/>
      <c r="S24" s="495"/>
    </row>
    <row r="25" spans="1:19" ht="20.100000000000001" customHeight="1" thickBot="1">
      <c r="B25" s="483" t="s">
        <v>763</v>
      </c>
      <c r="C25" s="484" t="s">
        <v>764</v>
      </c>
      <c r="D25" s="483" t="s">
        <v>763</v>
      </c>
      <c r="E25" s="485" t="s">
        <v>764</v>
      </c>
      <c r="F25" s="497"/>
      <c r="G25" s="497"/>
      <c r="H25" s="497"/>
      <c r="I25" s="497"/>
      <c r="J25" s="497"/>
      <c r="K25" s="497"/>
      <c r="L25" s="497"/>
      <c r="M25" s="497"/>
      <c r="N25" s="497"/>
      <c r="O25" s="497"/>
      <c r="P25" s="497"/>
      <c r="Q25" s="497"/>
      <c r="R25" s="497"/>
      <c r="S25" s="497"/>
    </row>
    <row r="26" spans="1:19" ht="20.100000000000001" customHeight="1" thickTop="1">
      <c r="B26" s="486"/>
      <c r="C26" s="487" t="s">
        <v>785</v>
      </c>
      <c r="D26" s="486"/>
      <c r="E26" s="488" t="s">
        <v>786</v>
      </c>
      <c r="F26" s="497"/>
      <c r="G26" s="497"/>
      <c r="H26" s="497"/>
      <c r="I26" s="497"/>
      <c r="J26" s="497"/>
      <c r="K26" s="497"/>
      <c r="L26" s="497"/>
      <c r="M26" s="497"/>
      <c r="N26" s="497"/>
      <c r="O26" s="497"/>
      <c r="P26" s="497"/>
      <c r="Q26" s="497"/>
      <c r="R26" s="497"/>
      <c r="S26" s="497"/>
    </row>
    <row r="27" spans="1:19" ht="19.95" customHeight="1">
      <c r="B27" s="486"/>
      <c r="C27" s="487" t="s">
        <v>787</v>
      </c>
      <c r="D27" s="486"/>
      <c r="E27" s="504" t="s">
        <v>788</v>
      </c>
      <c r="F27" s="497"/>
      <c r="G27" s="497"/>
      <c r="H27" s="497"/>
      <c r="I27" s="497"/>
      <c r="J27" s="497"/>
      <c r="K27" s="497"/>
      <c r="L27" s="497"/>
      <c r="M27" s="497"/>
      <c r="N27" s="497"/>
      <c r="O27" s="497"/>
      <c r="P27" s="497"/>
      <c r="Q27" s="497"/>
      <c r="R27" s="497"/>
      <c r="S27" s="497"/>
    </row>
    <row r="28" spans="1:19" ht="19.95" customHeight="1">
      <c r="B28" s="486"/>
      <c r="C28" s="479" t="s">
        <v>789</v>
      </c>
      <c r="D28" s="486"/>
      <c r="E28" s="504" t="s">
        <v>790</v>
      </c>
      <c r="F28" s="497"/>
      <c r="G28" s="497"/>
      <c r="H28" s="497"/>
      <c r="I28" s="497"/>
      <c r="J28" s="497"/>
      <c r="K28" s="497"/>
      <c r="L28" s="497"/>
      <c r="M28" s="497"/>
      <c r="N28" s="497"/>
      <c r="O28" s="497"/>
      <c r="P28" s="497"/>
      <c r="Q28" s="497"/>
      <c r="R28" s="497"/>
      <c r="S28" s="497"/>
    </row>
    <row r="29" spans="1:19" ht="19.95" customHeight="1">
      <c r="B29" s="486"/>
      <c r="C29" s="505" t="s">
        <v>791</v>
      </c>
      <c r="D29" s="486"/>
      <c r="E29" s="488" t="s">
        <v>792</v>
      </c>
      <c r="F29" s="497"/>
      <c r="G29" s="497"/>
      <c r="H29" s="497"/>
      <c r="I29" s="497"/>
      <c r="J29" s="497"/>
      <c r="K29" s="497"/>
      <c r="L29" s="497"/>
      <c r="M29" s="497"/>
      <c r="N29" s="497"/>
      <c r="O29" s="497"/>
      <c r="P29" s="497"/>
      <c r="Q29" s="497"/>
      <c r="R29" s="497"/>
      <c r="S29" s="497"/>
    </row>
    <row r="30" spans="1:19" ht="19.95" customHeight="1">
      <c r="B30" s="498"/>
      <c r="C30" s="499" t="s">
        <v>793</v>
      </c>
      <c r="D30" s="498"/>
      <c r="E30" s="500" t="s">
        <v>794</v>
      </c>
      <c r="F30" s="497"/>
      <c r="G30" s="497"/>
      <c r="H30" s="497"/>
      <c r="I30" s="497"/>
      <c r="J30" s="497"/>
      <c r="K30" s="497"/>
      <c r="L30" s="497"/>
      <c r="M30" s="497"/>
      <c r="N30" s="497"/>
      <c r="O30" s="497"/>
      <c r="P30" s="497"/>
      <c r="Q30" s="497"/>
      <c r="R30" s="497"/>
      <c r="S30" s="497"/>
    </row>
    <row r="31" spans="1:19" ht="19.95" customHeight="1">
      <c r="B31" s="486"/>
      <c r="C31" s="479" t="s">
        <v>795</v>
      </c>
      <c r="D31" s="486"/>
      <c r="E31" s="504" t="s">
        <v>796</v>
      </c>
      <c r="F31" s="497"/>
      <c r="G31" s="497"/>
      <c r="H31" s="497"/>
      <c r="I31" s="497"/>
      <c r="J31" s="497"/>
      <c r="K31" s="497"/>
      <c r="L31" s="497"/>
      <c r="M31" s="497"/>
      <c r="N31" s="497"/>
      <c r="O31" s="497"/>
      <c r="P31" s="497"/>
      <c r="Q31" s="497"/>
      <c r="R31" s="497"/>
      <c r="S31" s="497"/>
    </row>
    <row r="32" spans="1:19" ht="39.6" customHeight="1">
      <c r="B32" s="486"/>
      <c r="C32" s="505" t="s">
        <v>797</v>
      </c>
      <c r="D32" s="486"/>
      <c r="E32" s="488" t="s">
        <v>798</v>
      </c>
      <c r="F32" s="497"/>
      <c r="G32" s="497"/>
      <c r="H32" s="497"/>
      <c r="I32" s="497"/>
      <c r="J32" s="497"/>
      <c r="K32" s="497"/>
      <c r="L32" s="497"/>
      <c r="M32" s="497"/>
      <c r="N32" s="497"/>
      <c r="O32" s="497"/>
      <c r="P32" s="497"/>
      <c r="Q32" s="497"/>
      <c r="R32" s="497"/>
      <c r="S32" s="497"/>
    </row>
    <row r="33" spans="1:19" ht="20.100000000000001" customHeight="1">
      <c r="B33" s="498"/>
      <c r="C33" s="499" t="s">
        <v>799</v>
      </c>
      <c r="D33" s="498"/>
      <c r="E33" s="500" t="s">
        <v>800</v>
      </c>
      <c r="F33" s="497"/>
      <c r="G33" s="497"/>
      <c r="H33" s="497"/>
      <c r="I33" s="497"/>
      <c r="J33" s="497"/>
      <c r="K33" s="497"/>
      <c r="L33" s="497"/>
      <c r="M33" s="497"/>
      <c r="N33" s="497"/>
      <c r="O33" s="497"/>
      <c r="P33" s="497"/>
      <c r="Q33" s="497"/>
      <c r="R33" s="497"/>
      <c r="S33" s="497"/>
    </row>
    <row r="34" spans="1:19" ht="20.100000000000001" customHeight="1" thickBot="1">
      <c r="B34" s="491"/>
      <c r="C34" s="492" t="s">
        <v>801</v>
      </c>
      <c r="D34" s="491"/>
      <c r="E34" s="493" t="s">
        <v>802</v>
      </c>
      <c r="F34" s="497"/>
      <c r="G34" s="497"/>
      <c r="H34" s="497"/>
      <c r="I34" s="497"/>
      <c r="J34" s="497"/>
      <c r="K34" s="497"/>
      <c r="L34" s="497"/>
      <c r="M34" s="497"/>
      <c r="N34" s="497"/>
      <c r="O34" s="497"/>
      <c r="P34" s="497"/>
      <c r="Q34" s="497"/>
      <c r="R34" s="497"/>
      <c r="S34" s="497"/>
    </row>
    <row r="35" spans="1:19" ht="15" customHeight="1">
      <c r="A35" s="506"/>
      <c r="B35" s="497"/>
      <c r="C35" s="497"/>
      <c r="D35" s="497"/>
      <c r="E35" s="497"/>
      <c r="F35" s="497"/>
      <c r="G35" s="497"/>
      <c r="H35" s="497"/>
      <c r="I35" s="497"/>
      <c r="J35" s="497"/>
      <c r="K35" s="497"/>
      <c r="L35" s="497"/>
      <c r="M35" s="497"/>
      <c r="N35" s="497"/>
      <c r="O35" s="497"/>
      <c r="P35" s="497"/>
      <c r="Q35" s="497"/>
      <c r="R35" s="497"/>
      <c r="S35" s="497"/>
    </row>
    <row r="36" spans="1:19" ht="15" customHeight="1" thickBot="1">
      <c r="A36" s="496" t="s">
        <v>803</v>
      </c>
      <c r="B36" s="495"/>
      <c r="C36" s="507"/>
      <c r="D36" s="507"/>
      <c r="E36" s="507"/>
      <c r="F36" s="507"/>
      <c r="G36" s="507"/>
      <c r="H36" s="507"/>
      <c r="I36" s="507"/>
      <c r="J36" s="507"/>
      <c r="K36" s="507"/>
      <c r="L36" s="507"/>
      <c r="M36" s="507"/>
      <c r="N36" s="507"/>
      <c r="O36" s="507"/>
      <c r="P36" s="507"/>
      <c r="Q36" s="507"/>
      <c r="R36" s="495"/>
      <c r="S36" s="495"/>
    </row>
    <row r="37" spans="1:19" ht="20.100000000000001" customHeight="1" thickBot="1">
      <c r="A37" s="495"/>
      <c r="B37" s="483" t="s">
        <v>763</v>
      </c>
      <c r="C37" s="484" t="s">
        <v>764</v>
      </c>
      <c r="D37" s="483" t="s">
        <v>763</v>
      </c>
      <c r="E37" s="485" t="s">
        <v>764</v>
      </c>
      <c r="F37" s="507"/>
      <c r="G37" s="507"/>
      <c r="H37" s="507"/>
      <c r="I37" s="507"/>
      <c r="J37" s="507"/>
      <c r="K37" s="507"/>
      <c r="L37" s="507"/>
      <c r="M37" s="507"/>
      <c r="N37" s="507"/>
      <c r="O37" s="507"/>
      <c r="P37" s="507"/>
      <c r="Q37" s="507"/>
      <c r="R37" s="495"/>
      <c r="S37" s="495"/>
    </row>
    <row r="38" spans="1:19" ht="20.100000000000001" customHeight="1" thickTop="1">
      <c r="A38" s="495"/>
      <c r="B38" s="486"/>
      <c r="C38" s="487" t="s">
        <v>804</v>
      </c>
      <c r="D38" s="508"/>
      <c r="E38" s="488" t="s">
        <v>805</v>
      </c>
      <c r="F38" s="507"/>
      <c r="G38" s="507"/>
      <c r="H38" s="507"/>
      <c r="I38" s="507"/>
      <c r="J38" s="507"/>
      <c r="K38" s="507"/>
      <c r="L38" s="507"/>
      <c r="M38" s="507"/>
      <c r="N38" s="507"/>
      <c r="O38" s="507"/>
      <c r="P38" s="507"/>
      <c r="Q38" s="507"/>
      <c r="R38" s="495"/>
      <c r="S38" s="495"/>
    </row>
    <row r="39" spans="1:19" ht="20.100000000000001" customHeight="1">
      <c r="A39" s="495"/>
      <c r="B39" s="486"/>
      <c r="C39" s="487" t="s">
        <v>806</v>
      </c>
      <c r="D39" s="486"/>
      <c r="E39" s="488" t="s">
        <v>807</v>
      </c>
      <c r="F39" s="507"/>
      <c r="G39" s="507"/>
      <c r="H39" s="507"/>
      <c r="I39" s="507"/>
      <c r="J39" s="507"/>
      <c r="K39" s="507"/>
      <c r="L39" s="507"/>
      <c r="M39" s="507"/>
      <c r="N39" s="507"/>
      <c r="O39" s="507"/>
      <c r="P39" s="507"/>
      <c r="Q39" s="507"/>
      <c r="R39" s="495"/>
      <c r="S39" s="495"/>
    </row>
    <row r="40" spans="1:19" ht="20.100000000000001" customHeight="1">
      <c r="A40" s="495"/>
      <c r="B40" s="486"/>
      <c r="C40" s="479" t="s">
        <v>808</v>
      </c>
      <c r="D40" s="486"/>
      <c r="E40" s="488" t="s">
        <v>809</v>
      </c>
      <c r="F40" s="507"/>
      <c r="G40" s="507"/>
      <c r="H40" s="507"/>
      <c r="I40" s="507"/>
      <c r="J40" s="507"/>
      <c r="K40" s="507"/>
      <c r="L40" s="507"/>
      <c r="M40" s="507"/>
      <c r="N40" s="507"/>
      <c r="O40" s="507"/>
      <c r="P40" s="507"/>
      <c r="Q40" s="507"/>
      <c r="R40" s="495"/>
      <c r="S40" s="495"/>
    </row>
    <row r="41" spans="1:19" ht="19.95" customHeight="1">
      <c r="A41" s="495"/>
      <c r="B41" s="486"/>
      <c r="C41" s="505" t="s">
        <v>810</v>
      </c>
      <c r="D41" s="486"/>
      <c r="E41" s="488" t="s">
        <v>811</v>
      </c>
      <c r="F41" s="507"/>
      <c r="G41" s="507"/>
      <c r="H41" s="507"/>
      <c r="I41" s="507"/>
      <c r="J41" s="507"/>
      <c r="K41" s="507"/>
      <c r="L41" s="507"/>
      <c r="M41" s="507"/>
      <c r="N41" s="507"/>
      <c r="O41" s="507"/>
      <c r="P41" s="507"/>
      <c r="Q41" s="507"/>
      <c r="R41" s="495"/>
      <c r="S41" s="495"/>
    </row>
    <row r="42" spans="1:19" ht="20.100000000000001" customHeight="1" thickBot="1">
      <c r="A42" s="495"/>
      <c r="B42" s="491"/>
      <c r="C42" s="509" t="s">
        <v>812</v>
      </c>
      <c r="D42" s="491"/>
      <c r="E42" s="493" t="s">
        <v>813</v>
      </c>
      <c r="F42" s="507"/>
      <c r="G42" s="507"/>
      <c r="H42" s="507"/>
      <c r="I42" s="507"/>
      <c r="J42" s="507"/>
      <c r="K42" s="507"/>
      <c r="L42" s="507"/>
      <c r="M42" s="507"/>
      <c r="N42" s="507"/>
      <c r="O42" s="507"/>
      <c r="P42" s="507"/>
      <c r="Q42" s="507"/>
      <c r="R42" s="495"/>
      <c r="S42" s="495"/>
    </row>
    <row r="43" spans="1:19" ht="15" customHeight="1">
      <c r="A43" s="495"/>
      <c r="B43" s="495"/>
      <c r="C43" s="507"/>
      <c r="D43" s="507"/>
      <c r="E43" s="507"/>
      <c r="F43" s="507"/>
      <c r="G43" s="507"/>
      <c r="H43" s="507"/>
      <c r="I43" s="507"/>
      <c r="J43" s="507"/>
      <c r="K43" s="507"/>
      <c r="L43" s="507"/>
      <c r="M43" s="507"/>
      <c r="N43" s="507"/>
      <c r="O43" s="507"/>
      <c r="P43" s="507"/>
      <c r="Q43" s="507"/>
      <c r="R43" s="495"/>
      <c r="S43" s="495"/>
    </row>
    <row r="44" spans="1:19" ht="15" customHeight="1" thickBot="1">
      <c r="A44" s="496" t="s">
        <v>814</v>
      </c>
      <c r="B44" s="495"/>
      <c r="C44" s="507"/>
      <c r="D44" s="507"/>
      <c r="E44" s="507"/>
      <c r="F44" s="507"/>
      <c r="G44" s="507"/>
      <c r="H44" s="507"/>
      <c r="I44" s="507"/>
      <c r="J44" s="507"/>
      <c r="K44" s="507"/>
      <c r="L44" s="507"/>
      <c r="M44" s="507"/>
      <c r="N44" s="507"/>
      <c r="O44" s="507"/>
      <c r="P44" s="507"/>
      <c r="Q44" s="507"/>
      <c r="R44" s="495"/>
      <c r="S44" s="495"/>
    </row>
    <row r="45" spans="1:19" ht="20.100000000000001" customHeight="1" thickBot="1">
      <c r="A45" s="495"/>
      <c r="B45" s="483" t="s">
        <v>763</v>
      </c>
      <c r="C45" s="484" t="s">
        <v>764</v>
      </c>
      <c r="D45" s="483" t="s">
        <v>763</v>
      </c>
      <c r="E45" s="485" t="s">
        <v>764</v>
      </c>
      <c r="F45" s="507"/>
      <c r="G45" s="507"/>
      <c r="H45" s="507"/>
      <c r="I45" s="507"/>
      <c r="J45" s="507"/>
      <c r="K45" s="507"/>
      <c r="L45" s="507"/>
      <c r="M45" s="507"/>
      <c r="N45" s="507"/>
      <c r="O45" s="507"/>
      <c r="P45" s="507"/>
      <c r="Q45" s="507"/>
      <c r="R45" s="495"/>
      <c r="S45" s="495"/>
    </row>
    <row r="46" spans="1:19" ht="20.100000000000001" customHeight="1" thickTop="1">
      <c r="A46" s="495"/>
      <c r="B46" s="486"/>
      <c r="C46" s="487" t="s">
        <v>815</v>
      </c>
      <c r="D46" s="508"/>
      <c r="E46" s="504" t="s">
        <v>816</v>
      </c>
      <c r="F46" s="507"/>
      <c r="G46" s="507"/>
      <c r="H46" s="507"/>
      <c r="I46" s="507"/>
      <c r="J46" s="507"/>
      <c r="K46" s="507"/>
      <c r="L46" s="507"/>
      <c r="M46" s="507"/>
      <c r="N46" s="507"/>
      <c r="O46" s="507"/>
      <c r="P46" s="507"/>
      <c r="Q46" s="507"/>
      <c r="R46" s="495"/>
      <c r="S46" s="495"/>
    </row>
    <row r="47" spans="1:19" ht="20.100000000000001" customHeight="1">
      <c r="A47" s="495"/>
      <c r="B47" s="486"/>
      <c r="C47" s="487" t="s">
        <v>817</v>
      </c>
      <c r="D47" s="486"/>
      <c r="E47" s="488" t="s">
        <v>818</v>
      </c>
      <c r="F47" s="507"/>
      <c r="G47" s="507"/>
      <c r="H47" s="507"/>
      <c r="I47" s="507"/>
      <c r="J47" s="507"/>
      <c r="K47" s="507"/>
      <c r="L47" s="507"/>
      <c r="M47" s="507"/>
      <c r="N47" s="507"/>
      <c r="O47" s="507"/>
      <c r="P47" s="507"/>
      <c r="Q47" s="507"/>
      <c r="R47" s="495"/>
      <c r="S47" s="495"/>
    </row>
    <row r="48" spans="1:19" ht="20.100000000000001" customHeight="1" thickBot="1">
      <c r="A48" s="495"/>
      <c r="B48" s="491"/>
      <c r="C48" s="509" t="s">
        <v>819</v>
      </c>
      <c r="D48" s="491"/>
      <c r="E48" s="493" t="s">
        <v>820</v>
      </c>
      <c r="F48" s="507"/>
      <c r="G48" s="507"/>
      <c r="H48" s="507"/>
      <c r="I48" s="507"/>
      <c r="J48" s="507"/>
      <c r="K48" s="507"/>
      <c r="L48" s="507"/>
      <c r="M48" s="507"/>
      <c r="N48" s="507"/>
      <c r="O48" s="507"/>
      <c r="P48" s="507"/>
      <c r="Q48" s="507"/>
      <c r="R48" s="495"/>
      <c r="S48" s="495"/>
    </row>
    <row r="49" spans="1:19" ht="15" customHeight="1">
      <c r="A49" s="495"/>
      <c r="B49" s="495"/>
      <c r="C49" s="507"/>
      <c r="D49" s="507"/>
      <c r="E49" s="507"/>
      <c r="F49" s="507"/>
      <c r="G49" s="507"/>
      <c r="H49" s="507"/>
      <c r="I49" s="507"/>
      <c r="J49" s="507"/>
      <c r="K49" s="507"/>
      <c r="L49" s="507"/>
      <c r="M49" s="507"/>
      <c r="N49" s="507"/>
      <c r="O49" s="507"/>
      <c r="P49" s="507"/>
      <c r="Q49" s="507"/>
      <c r="R49" s="495"/>
      <c r="S49" s="495"/>
    </row>
    <row r="50" spans="1:19" ht="15" customHeight="1" thickBot="1">
      <c r="A50" s="496" t="s">
        <v>821</v>
      </c>
      <c r="B50" s="495"/>
      <c r="C50" s="507"/>
      <c r="D50" s="507"/>
      <c r="E50" s="507"/>
      <c r="F50" s="507"/>
      <c r="G50" s="507"/>
      <c r="H50" s="507"/>
      <c r="I50" s="507"/>
      <c r="J50" s="507"/>
      <c r="K50" s="507"/>
      <c r="L50" s="507"/>
      <c r="M50" s="507"/>
      <c r="N50" s="507"/>
      <c r="O50" s="507"/>
      <c r="P50" s="507"/>
      <c r="Q50" s="507"/>
      <c r="R50" s="495"/>
      <c r="S50" s="495"/>
    </row>
    <row r="51" spans="1:19" ht="20.100000000000001" customHeight="1" thickBot="1">
      <c r="A51" s="495"/>
      <c r="B51" s="483" t="s">
        <v>763</v>
      </c>
      <c r="C51" s="484" t="s">
        <v>764</v>
      </c>
      <c r="D51" s="483" t="s">
        <v>763</v>
      </c>
      <c r="E51" s="485" t="s">
        <v>764</v>
      </c>
      <c r="F51" s="507"/>
      <c r="G51" s="507"/>
      <c r="H51" s="507"/>
      <c r="I51" s="507"/>
      <c r="J51" s="507"/>
      <c r="K51" s="507"/>
      <c r="L51" s="507"/>
      <c r="M51" s="507"/>
      <c r="N51" s="507"/>
      <c r="O51" s="507"/>
      <c r="P51" s="507"/>
      <c r="Q51" s="507"/>
      <c r="R51" s="495"/>
      <c r="S51" s="495"/>
    </row>
    <row r="52" spans="1:19" ht="20.100000000000001" customHeight="1" thickTop="1">
      <c r="A52" s="495"/>
      <c r="B52" s="486"/>
      <c r="C52" s="487" t="s">
        <v>822</v>
      </c>
      <c r="D52" s="508"/>
      <c r="E52" s="488" t="s">
        <v>823</v>
      </c>
      <c r="F52" s="507"/>
      <c r="G52" s="507"/>
      <c r="H52" s="507"/>
      <c r="I52" s="507"/>
      <c r="J52" s="507"/>
      <c r="K52" s="507"/>
      <c r="L52" s="507"/>
      <c r="M52" s="507"/>
      <c r="N52" s="507"/>
      <c r="O52" s="507"/>
      <c r="P52" s="507"/>
      <c r="Q52" s="507"/>
      <c r="R52" s="495"/>
      <c r="S52" s="495"/>
    </row>
    <row r="53" spans="1:19" ht="20.100000000000001" customHeight="1">
      <c r="A53" s="495"/>
      <c r="B53" s="501"/>
      <c r="C53" s="502" t="s">
        <v>824</v>
      </c>
      <c r="D53" s="501"/>
      <c r="E53" s="503" t="s">
        <v>825</v>
      </c>
      <c r="F53" s="507"/>
      <c r="G53" s="507"/>
      <c r="H53" s="507"/>
      <c r="I53" s="507"/>
      <c r="J53" s="507"/>
      <c r="K53" s="507"/>
      <c r="L53" s="507"/>
      <c r="M53" s="507"/>
      <c r="N53" s="507"/>
      <c r="O53" s="507"/>
      <c r="P53" s="507"/>
      <c r="Q53" s="507"/>
      <c r="R53" s="495"/>
      <c r="S53" s="495"/>
    </row>
    <row r="54" spans="1:19" ht="20.100000000000001" customHeight="1" thickBot="1">
      <c r="A54" s="495"/>
      <c r="B54" s="491"/>
      <c r="C54" s="509" t="s">
        <v>826</v>
      </c>
      <c r="D54" s="491"/>
      <c r="E54" s="493"/>
      <c r="F54" s="507"/>
      <c r="G54" s="507"/>
      <c r="H54" s="507"/>
      <c r="I54" s="507"/>
      <c r="J54" s="507"/>
      <c r="K54" s="507"/>
      <c r="L54" s="507"/>
      <c r="M54" s="507"/>
      <c r="N54" s="507"/>
      <c r="O54" s="507"/>
      <c r="P54" s="507"/>
      <c r="Q54" s="507"/>
      <c r="R54" s="495"/>
      <c r="S54" s="495"/>
    </row>
    <row r="55" spans="1:19" ht="15" customHeight="1">
      <c r="A55" s="495"/>
      <c r="B55" s="510"/>
      <c r="C55" s="511"/>
      <c r="D55" s="510"/>
      <c r="E55" s="512"/>
      <c r="F55" s="507"/>
      <c r="G55" s="507"/>
      <c r="H55" s="507"/>
      <c r="I55" s="507"/>
      <c r="J55" s="507"/>
      <c r="K55" s="507"/>
      <c r="L55" s="507"/>
      <c r="M55" s="507"/>
      <c r="N55" s="507"/>
      <c r="O55" s="507"/>
      <c r="P55" s="507"/>
      <c r="Q55" s="507"/>
      <c r="R55" s="495"/>
      <c r="S55" s="495"/>
    </row>
    <row r="56" spans="1:19" ht="15" customHeight="1" thickBot="1">
      <c r="A56" s="496" t="s">
        <v>827</v>
      </c>
      <c r="B56" s="495"/>
      <c r="C56" s="507"/>
      <c r="D56" s="507"/>
      <c r="E56" s="507"/>
      <c r="F56" s="507"/>
      <c r="G56" s="507"/>
      <c r="H56" s="507"/>
      <c r="I56" s="507"/>
      <c r="J56" s="507"/>
      <c r="K56" s="507"/>
      <c r="L56" s="507"/>
      <c r="M56" s="507"/>
      <c r="N56" s="507"/>
      <c r="O56" s="507"/>
      <c r="P56" s="507"/>
      <c r="Q56" s="507"/>
      <c r="R56" s="495"/>
      <c r="S56" s="495"/>
    </row>
    <row r="57" spans="1:19" ht="20.100000000000001" customHeight="1" thickBot="1">
      <c r="A57" s="495"/>
      <c r="B57" s="483" t="s">
        <v>763</v>
      </c>
      <c r="C57" s="484" t="s">
        <v>764</v>
      </c>
      <c r="D57" s="483" t="s">
        <v>763</v>
      </c>
      <c r="E57" s="485" t="s">
        <v>764</v>
      </c>
      <c r="F57" s="507"/>
      <c r="G57" s="507"/>
      <c r="H57" s="507"/>
      <c r="I57" s="507"/>
      <c r="J57" s="507"/>
      <c r="K57" s="507"/>
      <c r="L57" s="507"/>
      <c r="M57" s="507"/>
      <c r="N57" s="507"/>
      <c r="O57" s="507"/>
      <c r="P57" s="507"/>
      <c r="Q57" s="507"/>
      <c r="R57" s="495"/>
      <c r="S57" s="495"/>
    </row>
    <row r="58" spans="1:19" ht="20.100000000000001" customHeight="1" thickTop="1">
      <c r="A58" s="495"/>
      <c r="B58" s="486"/>
      <c r="C58" s="487" t="s">
        <v>828</v>
      </c>
      <c r="D58" s="508"/>
      <c r="E58" s="504" t="s">
        <v>829</v>
      </c>
      <c r="F58" s="507"/>
      <c r="G58" s="507"/>
      <c r="H58" s="507"/>
      <c r="I58" s="507"/>
      <c r="J58" s="507"/>
      <c r="K58" s="507"/>
      <c r="L58" s="507"/>
      <c r="M58" s="507"/>
      <c r="N58" s="507"/>
      <c r="O58" s="507"/>
      <c r="P58" s="507"/>
      <c r="Q58" s="507"/>
      <c r="R58" s="495"/>
      <c r="S58" s="495"/>
    </row>
    <row r="59" spans="1:19" ht="20.100000000000001" customHeight="1">
      <c r="A59" s="495"/>
      <c r="B59" s="486"/>
      <c r="C59" s="487" t="s">
        <v>830</v>
      </c>
      <c r="D59" s="486"/>
      <c r="E59" s="488" t="s">
        <v>831</v>
      </c>
      <c r="F59" s="507"/>
      <c r="G59" s="507"/>
      <c r="H59" s="507"/>
      <c r="I59" s="507"/>
      <c r="J59" s="507"/>
      <c r="K59" s="507"/>
      <c r="L59" s="507"/>
      <c r="M59" s="507"/>
      <c r="N59" s="507"/>
      <c r="O59" s="507"/>
      <c r="P59" s="507"/>
      <c r="Q59" s="507"/>
      <c r="R59" s="495"/>
      <c r="S59" s="495"/>
    </row>
    <row r="60" spans="1:19" ht="20.100000000000001" customHeight="1">
      <c r="A60" s="495"/>
      <c r="B60" s="486"/>
      <c r="C60" s="487" t="s">
        <v>832</v>
      </c>
      <c r="D60" s="486"/>
      <c r="E60" s="488" t="s">
        <v>833</v>
      </c>
      <c r="F60" s="507"/>
      <c r="G60" s="507"/>
      <c r="H60" s="507"/>
      <c r="I60" s="507"/>
      <c r="J60" s="507"/>
      <c r="K60" s="507"/>
      <c r="L60" s="507"/>
      <c r="M60" s="507"/>
      <c r="N60" s="507"/>
      <c r="O60" s="507"/>
      <c r="P60" s="507"/>
      <c r="Q60" s="507"/>
      <c r="R60" s="495"/>
      <c r="S60" s="495"/>
    </row>
    <row r="61" spans="1:19" ht="20.100000000000001" customHeight="1" thickBot="1">
      <c r="A61" s="495"/>
      <c r="B61" s="491"/>
      <c r="C61" s="509" t="s">
        <v>834</v>
      </c>
      <c r="D61" s="491"/>
      <c r="E61" s="493" t="s">
        <v>835</v>
      </c>
      <c r="F61" s="507"/>
      <c r="G61" s="507"/>
      <c r="H61" s="507"/>
      <c r="I61" s="507"/>
      <c r="J61" s="507"/>
      <c r="K61" s="507"/>
      <c r="L61" s="507"/>
      <c r="M61" s="507"/>
      <c r="N61" s="507"/>
      <c r="O61" s="507"/>
      <c r="P61" s="507"/>
      <c r="Q61" s="507"/>
      <c r="R61" s="495"/>
      <c r="S61" s="495"/>
    </row>
    <row r="62" spans="1:19" ht="15" customHeight="1">
      <c r="A62" s="495"/>
      <c r="B62" s="495"/>
      <c r="C62" s="507"/>
      <c r="D62" s="507"/>
      <c r="E62" s="507"/>
      <c r="F62" s="507"/>
      <c r="G62" s="507"/>
      <c r="H62" s="507"/>
      <c r="I62" s="507"/>
      <c r="J62" s="507"/>
      <c r="K62" s="507"/>
      <c r="L62" s="507"/>
      <c r="M62" s="507"/>
      <c r="N62" s="507"/>
      <c r="O62" s="507"/>
      <c r="P62" s="507"/>
      <c r="Q62" s="507"/>
      <c r="R62" s="495"/>
      <c r="S62" s="495"/>
    </row>
    <row r="63" spans="1:19" ht="15" customHeight="1" thickBot="1">
      <c r="A63" s="496" t="s">
        <v>836</v>
      </c>
      <c r="B63" s="495"/>
      <c r="C63" s="507"/>
      <c r="D63" s="507"/>
      <c r="E63" s="507"/>
      <c r="F63" s="507"/>
      <c r="G63" s="507"/>
      <c r="H63" s="507"/>
      <c r="I63" s="507"/>
      <c r="J63" s="507"/>
      <c r="K63" s="507"/>
      <c r="L63" s="507"/>
      <c r="M63" s="507"/>
      <c r="N63" s="507"/>
      <c r="O63" s="507"/>
      <c r="P63" s="507"/>
      <c r="Q63" s="507"/>
      <c r="R63" s="495"/>
      <c r="S63" s="495"/>
    </row>
    <row r="64" spans="1:19" ht="20.100000000000001" customHeight="1" thickBot="1">
      <c r="A64" s="495"/>
      <c r="B64" s="483" t="s">
        <v>763</v>
      </c>
      <c r="C64" s="484" t="s">
        <v>764</v>
      </c>
      <c r="D64" s="483" t="s">
        <v>763</v>
      </c>
      <c r="E64" s="485" t="s">
        <v>764</v>
      </c>
      <c r="F64" s="507"/>
      <c r="G64" s="507"/>
      <c r="H64" s="507"/>
      <c r="I64" s="507"/>
      <c r="J64" s="507"/>
      <c r="K64" s="507"/>
      <c r="L64" s="507"/>
      <c r="M64" s="507"/>
      <c r="N64" s="507"/>
      <c r="O64" s="507"/>
      <c r="P64" s="507"/>
      <c r="Q64" s="507"/>
      <c r="R64" s="495"/>
      <c r="S64" s="495"/>
    </row>
    <row r="65" spans="1:19" ht="20.100000000000001" customHeight="1" thickTop="1">
      <c r="A65" s="495"/>
      <c r="B65" s="520"/>
      <c r="C65" s="583" t="s">
        <v>844</v>
      </c>
      <c r="D65" s="520"/>
      <c r="E65" s="584" t="s">
        <v>845</v>
      </c>
      <c r="F65" s="507"/>
      <c r="G65" s="507"/>
      <c r="H65" s="507"/>
      <c r="I65" s="507"/>
      <c r="J65" s="507"/>
      <c r="K65" s="507"/>
      <c r="L65" s="507"/>
      <c r="M65" s="507"/>
      <c r="N65" s="507"/>
      <c r="O65" s="507"/>
      <c r="P65" s="507"/>
      <c r="Q65" s="507"/>
      <c r="R65" s="495"/>
      <c r="S65" s="495"/>
    </row>
    <row r="66" spans="1:19" ht="20.100000000000001" customHeight="1">
      <c r="A66" s="495"/>
      <c r="B66" s="486"/>
      <c r="C66" s="487" t="s">
        <v>837</v>
      </c>
      <c r="D66" s="521"/>
      <c r="E66" s="488" t="s">
        <v>838</v>
      </c>
      <c r="F66" s="507"/>
      <c r="G66" s="507"/>
      <c r="H66" s="507"/>
      <c r="I66" s="507"/>
      <c r="J66" s="507"/>
      <c r="K66" s="507"/>
      <c r="L66" s="507"/>
      <c r="M66" s="507"/>
      <c r="N66" s="507"/>
      <c r="O66" s="507"/>
      <c r="P66" s="507"/>
      <c r="Q66" s="507"/>
      <c r="R66" s="495"/>
      <c r="S66" s="495"/>
    </row>
    <row r="67" spans="1:19" ht="39.6" customHeight="1" thickBot="1">
      <c r="A67" s="495"/>
      <c r="B67" s="491"/>
      <c r="C67" s="509" t="s">
        <v>839</v>
      </c>
      <c r="D67" s="491"/>
      <c r="E67" s="493"/>
      <c r="F67" s="507"/>
      <c r="G67" s="507"/>
      <c r="H67" s="507"/>
      <c r="I67" s="507"/>
      <c r="J67" s="507"/>
      <c r="K67" s="507"/>
      <c r="L67" s="507"/>
      <c r="M67" s="507"/>
      <c r="N67" s="507"/>
      <c r="O67" s="507"/>
      <c r="P67" s="507"/>
      <c r="Q67" s="507"/>
      <c r="R67" s="495"/>
      <c r="S67" s="495"/>
    </row>
    <row r="68" spans="1:19" ht="15" customHeight="1">
      <c r="A68" s="495"/>
      <c r="B68" s="510"/>
      <c r="C68" s="511"/>
      <c r="D68" s="510"/>
      <c r="E68" s="512"/>
      <c r="F68" s="507"/>
      <c r="G68" s="507"/>
      <c r="H68" s="507"/>
      <c r="I68" s="507"/>
      <c r="J68" s="507"/>
      <c r="K68" s="507"/>
      <c r="L68" s="507"/>
      <c r="M68" s="507"/>
      <c r="N68" s="507"/>
      <c r="O68" s="507"/>
      <c r="P68" s="507"/>
      <c r="Q68" s="507"/>
      <c r="R68" s="495"/>
      <c r="S68" s="495"/>
    </row>
    <row r="69" spans="1:19" ht="15" customHeight="1">
      <c r="B69" s="513" t="s">
        <v>840</v>
      </c>
      <c r="C69" s="514"/>
      <c r="D69" s="514"/>
      <c r="E69" s="514"/>
      <c r="F69" s="507"/>
      <c r="G69" s="507"/>
      <c r="H69" s="507"/>
      <c r="I69" s="507"/>
      <c r="J69" s="507"/>
      <c r="K69" s="507"/>
      <c r="L69" s="507"/>
      <c r="M69" s="507"/>
      <c r="N69" s="507"/>
      <c r="O69" s="507"/>
      <c r="P69" s="507"/>
      <c r="Q69" s="507"/>
      <c r="R69" s="495"/>
      <c r="S69" s="495"/>
    </row>
    <row r="70" spans="1:19" ht="15" customHeight="1">
      <c r="B70" s="513" t="s">
        <v>841</v>
      </c>
      <c r="C70" s="514"/>
      <c r="D70" s="514"/>
      <c r="E70" s="514"/>
      <c r="F70" s="507"/>
      <c r="G70" s="507"/>
      <c r="H70" s="507"/>
      <c r="I70" s="507"/>
      <c r="J70" s="507"/>
      <c r="K70" s="507"/>
      <c r="L70" s="507"/>
      <c r="M70" s="507"/>
      <c r="N70" s="507"/>
      <c r="O70" s="507"/>
      <c r="P70" s="507"/>
      <c r="Q70" s="507"/>
      <c r="R70" s="495"/>
      <c r="S70" s="495"/>
    </row>
    <row r="71" spans="1:19" ht="15" customHeight="1">
      <c r="A71" s="495"/>
      <c r="B71" s="515"/>
      <c r="C71" s="515"/>
      <c r="D71" s="515"/>
      <c r="E71" s="515"/>
      <c r="F71" s="515"/>
      <c r="G71" s="515"/>
      <c r="H71" s="515"/>
      <c r="I71" s="515"/>
      <c r="J71" s="515"/>
      <c r="K71" s="515"/>
      <c r="L71" s="515"/>
      <c r="M71" s="515"/>
      <c r="N71" s="515"/>
      <c r="O71" s="515"/>
      <c r="P71" s="515"/>
      <c r="Q71" s="495"/>
      <c r="R71" s="495"/>
      <c r="S71" s="495"/>
    </row>
    <row r="72" spans="1:19" ht="14.4">
      <c r="A72" s="516"/>
      <c r="B72" s="512"/>
      <c r="C72" s="517"/>
      <c r="D72" s="517"/>
      <c r="E72" s="517"/>
      <c r="F72" s="517"/>
      <c r="G72" s="517"/>
      <c r="H72" s="517"/>
      <c r="I72" s="517"/>
      <c r="J72" s="517"/>
      <c r="K72" s="517"/>
      <c r="L72" s="517"/>
      <c r="M72" s="517"/>
      <c r="N72" s="517"/>
      <c r="O72" s="517"/>
      <c r="P72" s="517"/>
      <c r="Q72" s="516"/>
      <c r="R72" s="516"/>
    </row>
    <row r="73" spans="1:19">
      <c r="B73" s="512"/>
      <c r="C73" s="512"/>
      <c r="D73" s="512"/>
      <c r="E73" s="512"/>
      <c r="F73" s="512"/>
      <c r="G73" s="512"/>
      <c r="H73" s="512"/>
      <c r="I73" s="512"/>
      <c r="J73" s="512"/>
      <c r="K73" s="512"/>
      <c r="L73" s="512"/>
      <c r="M73" s="512"/>
      <c r="N73" s="512"/>
      <c r="O73" s="512"/>
      <c r="P73" s="512"/>
    </row>
    <row r="74" spans="1:19">
      <c r="B74" s="512"/>
      <c r="C74" s="512"/>
      <c r="D74" s="512"/>
      <c r="E74" s="512"/>
      <c r="F74" s="512"/>
      <c r="G74" s="512"/>
      <c r="H74" s="512"/>
      <c r="I74" s="512"/>
      <c r="J74" s="512"/>
      <c r="K74" s="512"/>
      <c r="L74" s="512"/>
      <c r="M74" s="512"/>
      <c r="N74" s="512"/>
      <c r="O74" s="512"/>
      <c r="P74" s="512"/>
    </row>
    <row r="75" spans="1:19">
      <c r="B75" s="512"/>
      <c r="C75" s="512"/>
      <c r="D75" s="512"/>
      <c r="E75" s="512"/>
      <c r="F75" s="512"/>
      <c r="G75" s="512"/>
      <c r="H75" s="512"/>
      <c r="I75" s="512"/>
      <c r="J75" s="512"/>
      <c r="K75" s="512"/>
      <c r="L75" s="512"/>
      <c r="M75" s="512"/>
      <c r="N75" s="512"/>
      <c r="O75" s="512"/>
      <c r="P75" s="512"/>
    </row>
    <row r="93" spans="1:1">
      <c r="A93" s="518"/>
    </row>
    <row r="203" ht="28.2" customHeight="1"/>
  </sheetData>
  <phoneticPr fontId="3"/>
  <printOptions horizontalCentered="1"/>
  <pageMargins left="0.78740157480314965" right="0.78740157480314965" top="0.78740157480314965" bottom="0.39370078740157483" header="0.51181102362204722" footer="0.51181102362204722"/>
  <pageSetup paperSize="9" scale="87" orientation="portrait" r:id="rId1"/>
  <headerFooter alignWithMargins="0">
    <oddFooter>&amp;C&amp;A</oddFooter>
  </headerFooter>
  <rowBreaks count="1" manualBreakCount="1">
    <brk id="4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1</xdr:col>
                    <xdr:colOff>160020</xdr:colOff>
                    <xdr:row>5</xdr:row>
                    <xdr:rowOff>0</xdr:rowOff>
                  </from>
                  <to>
                    <xdr:col>1</xdr:col>
                    <xdr:colOff>411480</xdr:colOff>
                    <xdr:row>5</xdr:row>
                    <xdr:rowOff>236220</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1</xdr:col>
                    <xdr:colOff>160020</xdr:colOff>
                    <xdr:row>6</xdr:row>
                    <xdr:rowOff>0</xdr:rowOff>
                  </from>
                  <to>
                    <xdr:col>1</xdr:col>
                    <xdr:colOff>411480</xdr:colOff>
                    <xdr:row>6</xdr:row>
                    <xdr:rowOff>236220</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1</xdr:col>
                    <xdr:colOff>160020</xdr:colOff>
                    <xdr:row>8</xdr:row>
                    <xdr:rowOff>0</xdr:rowOff>
                  </from>
                  <to>
                    <xdr:col>1</xdr:col>
                    <xdr:colOff>411480</xdr:colOff>
                    <xdr:row>8</xdr:row>
                    <xdr:rowOff>236220</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3</xdr:col>
                    <xdr:colOff>152400</xdr:colOff>
                    <xdr:row>4</xdr:row>
                    <xdr:rowOff>213360</xdr:rowOff>
                  </from>
                  <to>
                    <xdr:col>3</xdr:col>
                    <xdr:colOff>403860</xdr:colOff>
                    <xdr:row>6</xdr:row>
                    <xdr:rowOff>45720</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3</xdr:col>
                    <xdr:colOff>160020</xdr:colOff>
                    <xdr:row>5</xdr:row>
                    <xdr:rowOff>213360</xdr:rowOff>
                  </from>
                  <to>
                    <xdr:col>3</xdr:col>
                    <xdr:colOff>403860</xdr:colOff>
                    <xdr:row>7</xdr:row>
                    <xdr:rowOff>45720</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3</xdr:col>
                    <xdr:colOff>160020</xdr:colOff>
                    <xdr:row>8</xdr:row>
                    <xdr:rowOff>0</xdr:rowOff>
                  </from>
                  <to>
                    <xdr:col>3</xdr:col>
                    <xdr:colOff>411480</xdr:colOff>
                    <xdr:row>8</xdr:row>
                    <xdr:rowOff>236220</xdr:rowOff>
                  </to>
                </anchor>
              </controlPr>
            </control>
          </mc:Choice>
        </mc:AlternateContent>
        <mc:AlternateContent xmlns:mc="http://schemas.openxmlformats.org/markup-compatibility/2006">
          <mc:Choice Requires="x14">
            <control shapeId="6151" r:id="rId10" name="Check Box 7">
              <controlPr defaultSize="0" autoFill="0" autoLine="0" autoPict="0">
                <anchor moveWithCells="1">
                  <from>
                    <xdr:col>1</xdr:col>
                    <xdr:colOff>160020</xdr:colOff>
                    <xdr:row>7</xdr:row>
                    <xdr:rowOff>0</xdr:rowOff>
                  </from>
                  <to>
                    <xdr:col>1</xdr:col>
                    <xdr:colOff>411480</xdr:colOff>
                    <xdr:row>7</xdr:row>
                    <xdr:rowOff>236220</xdr:rowOff>
                  </to>
                </anchor>
              </controlPr>
            </control>
          </mc:Choice>
        </mc:AlternateContent>
        <mc:AlternateContent xmlns:mc="http://schemas.openxmlformats.org/markup-compatibility/2006">
          <mc:Choice Requires="x14">
            <control shapeId="6152" r:id="rId11" name="Check Box 8">
              <controlPr defaultSize="0" autoFill="0" autoLine="0" autoPict="0">
                <anchor moveWithCells="1">
                  <from>
                    <xdr:col>3</xdr:col>
                    <xdr:colOff>160020</xdr:colOff>
                    <xdr:row>7</xdr:row>
                    <xdr:rowOff>0</xdr:rowOff>
                  </from>
                  <to>
                    <xdr:col>3</xdr:col>
                    <xdr:colOff>411480</xdr:colOff>
                    <xdr:row>7</xdr:row>
                    <xdr:rowOff>236220</xdr:rowOff>
                  </to>
                </anchor>
              </controlPr>
            </control>
          </mc:Choice>
        </mc:AlternateContent>
        <mc:AlternateContent xmlns:mc="http://schemas.openxmlformats.org/markup-compatibility/2006">
          <mc:Choice Requires="x14">
            <control shapeId="6153" r:id="rId12" name="Check Box 9">
              <controlPr defaultSize="0" autoFill="0" autoLine="0" autoPict="0">
                <anchor moveWithCells="1">
                  <from>
                    <xdr:col>1</xdr:col>
                    <xdr:colOff>160020</xdr:colOff>
                    <xdr:row>16</xdr:row>
                    <xdr:rowOff>0</xdr:rowOff>
                  </from>
                  <to>
                    <xdr:col>1</xdr:col>
                    <xdr:colOff>411480</xdr:colOff>
                    <xdr:row>16</xdr:row>
                    <xdr:rowOff>236220</xdr:rowOff>
                  </to>
                </anchor>
              </controlPr>
            </control>
          </mc:Choice>
        </mc:AlternateContent>
        <mc:AlternateContent xmlns:mc="http://schemas.openxmlformats.org/markup-compatibility/2006">
          <mc:Choice Requires="x14">
            <control shapeId="6154" r:id="rId13" name="Check Box 10">
              <controlPr defaultSize="0" autoFill="0" autoLine="0" autoPict="0">
                <anchor moveWithCells="1">
                  <from>
                    <xdr:col>1</xdr:col>
                    <xdr:colOff>160020</xdr:colOff>
                    <xdr:row>17</xdr:row>
                    <xdr:rowOff>0</xdr:rowOff>
                  </from>
                  <to>
                    <xdr:col>1</xdr:col>
                    <xdr:colOff>411480</xdr:colOff>
                    <xdr:row>17</xdr:row>
                    <xdr:rowOff>236220</xdr:rowOff>
                  </to>
                </anchor>
              </controlPr>
            </control>
          </mc:Choice>
        </mc:AlternateContent>
        <mc:AlternateContent xmlns:mc="http://schemas.openxmlformats.org/markup-compatibility/2006">
          <mc:Choice Requires="x14">
            <control shapeId="6155" r:id="rId14" name="Check Box 11">
              <controlPr defaultSize="0" autoFill="0" autoLine="0" autoPict="0">
                <anchor moveWithCells="1">
                  <from>
                    <xdr:col>1</xdr:col>
                    <xdr:colOff>160020</xdr:colOff>
                    <xdr:row>18</xdr:row>
                    <xdr:rowOff>0</xdr:rowOff>
                  </from>
                  <to>
                    <xdr:col>1</xdr:col>
                    <xdr:colOff>411480</xdr:colOff>
                    <xdr:row>18</xdr:row>
                    <xdr:rowOff>236220</xdr:rowOff>
                  </to>
                </anchor>
              </controlPr>
            </control>
          </mc:Choice>
        </mc:AlternateContent>
        <mc:AlternateContent xmlns:mc="http://schemas.openxmlformats.org/markup-compatibility/2006">
          <mc:Choice Requires="x14">
            <control shapeId="6156" r:id="rId15" name="Check Box 12">
              <controlPr defaultSize="0" autoFill="0" autoLine="0" autoPict="0">
                <anchor moveWithCells="1">
                  <from>
                    <xdr:col>1</xdr:col>
                    <xdr:colOff>160020</xdr:colOff>
                    <xdr:row>19</xdr:row>
                    <xdr:rowOff>0</xdr:rowOff>
                  </from>
                  <to>
                    <xdr:col>1</xdr:col>
                    <xdr:colOff>411480</xdr:colOff>
                    <xdr:row>19</xdr:row>
                    <xdr:rowOff>236220</xdr:rowOff>
                  </to>
                </anchor>
              </controlPr>
            </control>
          </mc:Choice>
        </mc:AlternateContent>
        <mc:AlternateContent xmlns:mc="http://schemas.openxmlformats.org/markup-compatibility/2006">
          <mc:Choice Requires="x14">
            <control shapeId="6157" r:id="rId16" name="Check Box 13">
              <controlPr defaultSize="0" autoFill="0" autoLine="0" autoPict="0">
                <anchor moveWithCells="1">
                  <from>
                    <xdr:col>1</xdr:col>
                    <xdr:colOff>160020</xdr:colOff>
                    <xdr:row>20</xdr:row>
                    <xdr:rowOff>0</xdr:rowOff>
                  </from>
                  <to>
                    <xdr:col>1</xdr:col>
                    <xdr:colOff>411480</xdr:colOff>
                    <xdr:row>20</xdr:row>
                    <xdr:rowOff>236220</xdr:rowOff>
                  </to>
                </anchor>
              </controlPr>
            </control>
          </mc:Choice>
        </mc:AlternateContent>
        <mc:AlternateContent xmlns:mc="http://schemas.openxmlformats.org/markup-compatibility/2006">
          <mc:Choice Requires="x14">
            <control shapeId="6158" r:id="rId17" name="Check Box 14">
              <controlPr defaultSize="0" autoFill="0" autoLine="0" autoPict="0">
                <anchor moveWithCells="1">
                  <from>
                    <xdr:col>1</xdr:col>
                    <xdr:colOff>160020</xdr:colOff>
                    <xdr:row>21</xdr:row>
                    <xdr:rowOff>0</xdr:rowOff>
                  </from>
                  <to>
                    <xdr:col>1</xdr:col>
                    <xdr:colOff>411480</xdr:colOff>
                    <xdr:row>21</xdr:row>
                    <xdr:rowOff>236220</xdr:rowOff>
                  </to>
                </anchor>
              </controlPr>
            </control>
          </mc:Choice>
        </mc:AlternateContent>
        <mc:AlternateContent xmlns:mc="http://schemas.openxmlformats.org/markup-compatibility/2006">
          <mc:Choice Requires="x14">
            <control shapeId="6159" r:id="rId18" name="Check Box 15">
              <controlPr defaultSize="0" autoFill="0" autoLine="0" autoPict="0">
                <anchor moveWithCells="1">
                  <from>
                    <xdr:col>3</xdr:col>
                    <xdr:colOff>160020</xdr:colOff>
                    <xdr:row>16</xdr:row>
                    <xdr:rowOff>0</xdr:rowOff>
                  </from>
                  <to>
                    <xdr:col>3</xdr:col>
                    <xdr:colOff>411480</xdr:colOff>
                    <xdr:row>16</xdr:row>
                    <xdr:rowOff>236220</xdr:rowOff>
                  </to>
                </anchor>
              </controlPr>
            </control>
          </mc:Choice>
        </mc:AlternateContent>
        <mc:AlternateContent xmlns:mc="http://schemas.openxmlformats.org/markup-compatibility/2006">
          <mc:Choice Requires="x14">
            <control shapeId="6160" r:id="rId19" name="Check Box 16">
              <controlPr defaultSize="0" autoFill="0" autoLine="0" autoPict="0">
                <anchor moveWithCells="1">
                  <from>
                    <xdr:col>3</xdr:col>
                    <xdr:colOff>160020</xdr:colOff>
                    <xdr:row>17</xdr:row>
                    <xdr:rowOff>0</xdr:rowOff>
                  </from>
                  <to>
                    <xdr:col>3</xdr:col>
                    <xdr:colOff>411480</xdr:colOff>
                    <xdr:row>17</xdr:row>
                    <xdr:rowOff>236220</xdr:rowOff>
                  </to>
                </anchor>
              </controlPr>
            </control>
          </mc:Choice>
        </mc:AlternateContent>
        <mc:AlternateContent xmlns:mc="http://schemas.openxmlformats.org/markup-compatibility/2006">
          <mc:Choice Requires="x14">
            <control shapeId="6161" r:id="rId20" name="Check Box 17">
              <controlPr defaultSize="0" autoFill="0" autoLine="0" autoPict="0">
                <anchor moveWithCells="1">
                  <from>
                    <xdr:col>3</xdr:col>
                    <xdr:colOff>160020</xdr:colOff>
                    <xdr:row>18</xdr:row>
                    <xdr:rowOff>0</xdr:rowOff>
                  </from>
                  <to>
                    <xdr:col>3</xdr:col>
                    <xdr:colOff>411480</xdr:colOff>
                    <xdr:row>18</xdr:row>
                    <xdr:rowOff>236220</xdr:rowOff>
                  </to>
                </anchor>
              </controlPr>
            </control>
          </mc:Choice>
        </mc:AlternateContent>
        <mc:AlternateContent xmlns:mc="http://schemas.openxmlformats.org/markup-compatibility/2006">
          <mc:Choice Requires="x14">
            <control shapeId="6162" r:id="rId21" name="Check Box 18">
              <controlPr defaultSize="0" autoFill="0" autoLine="0" autoPict="0">
                <anchor moveWithCells="1">
                  <from>
                    <xdr:col>3</xdr:col>
                    <xdr:colOff>160020</xdr:colOff>
                    <xdr:row>19</xdr:row>
                    <xdr:rowOff>0</xdr:rowOff>
                  </from>
                  <to>
                    <xdr:col>3</xdr:col>
                    <xdr:colOff>411480</xdr:colOff>
                    <xdr:row>19</xdr:row>
                    <xdr:rowOff>236220</xdr:rowOff>
                  </to>
                </anchor>
              </controlPr>
            </control>
          </mc:Choice>
        </mc:AlternateContent>
        <mc:AlternateContent xmlns:mc="http://schemas.openxmlformats.org/markup-compatibility/2006">
          <mc:Choice Requires="x14">
            <control shapeId="6163" r:id="rId22" name="Check Box 19">
              <controlPr defaultSize="0" autoFill="0" autoLine="0" autoPict="0">
                <anchor moveWithCells="1">
                  <from>
                    <xdr:col>3</xdr:col>
                    <xdr:colOff>160020</xdr:colOff>
                    <xdr:row>20</xdr:row>
                    <xdr:rowOff>0</xdr:rowOff>
                  </from>
                  <to>
                    <xdr:col>3</xdr:col>
                    <xdr:colOff>411480</xdr:colOff>
                    <xdr:row>20</xdr:row>
                    <xdr:rowOff>236220</xdr:rowOff>
                  </to>
                </anchor>
              </controlPr>
            </control>
          </mc:Choice>
        </mc:AlternateContent>
        <mc:AlternateContent xmlns:mc="http://schemas.openxmlformats.org/markup-compatibility/2006">
          <mc:Choice Requires="x14">
            <control shapeId="6164" r:id="rId23" name="Check Box 20">
              <controlPr defaultSize="0" autoFill="0" autoLine="0" autoPict="0">
                <anchor moveWithCells="1">
                  <from>
                    <xdr:col>3</xdr:col>
                    <xdr:colOff>160020</xdr:colOff>
                    <xdr:row>21</xdr:row>
                    <xdr:rowOff>0</xdr:rowOff>
                  </from>
                  <to>
                    <xdr:col>3</xdr:col>
                    <xdr:colOff>411480</xdr:colOff>
                    <xdr:row>21</xdr:row>
                    <xdr:rowOff>236220</xdr:rowOff>
                  </to>
                </anchor>
              </controlPr>
            </control>
          </mc:Choice>
        </mc:AlternateContent>
        <mc:AlternateContent xmlns:mc="http://schemas.openxmlformats.org/markup-compatibility/2006">
          <mc:Choice Requires="x14">
            <control shapeId="6165" r:id="rId24" name="Check Box 21">
              <controlPr defaultSize="0" autoFill="0" autoLine="0" autoPict="0">
                <anchor moveWithCells="1">
                  <from>
                    <xdr:col>1</xdr:col>
                    <xdr:colOff>160020</xdr:colOff>
                    <xdr:row>25</xdr:row>
                    <xdr:rowOff>0</xdr:rowOff>
                  </from>
                  <to>
                    <xdr:col>1</xdr:col>
                    <xdr:colOff>411480</xdr:colOff>
                    <xdr:row>25</xdr:row>
                    <xdr:rowOff>236220</xdr:rowOff>
                  </to>
                </anchor>
              </controlPr>
            </control>
          </mc:Choice>
        </mc:AlternateContent>
        <mc:AlternateContent xmlns:mc="http://schemas.openxmlformats.org/markup-compatibility/2006">
          <mc:Choice Requires="x14">
            <control shapeId="6166" r:id="rId25" name="Check Box 22">
              <controlPr defaultSize="0" autoFill="0" autoLine="0" autoPict="0">
                <anchor moveWithCells="1">
                  <from>
                    <xdr:col>1</xdr:col>
                    <xdr:colOff>160020</xdr:colOff>
                    <xdr:row>26</xdr:row>
                    <xdr:rowOff>0</xdr:rowOff>
                  </from>
                  <to>
                    <xdr:col>1</xdr:col>
                    <xdr:colOff>411480</xdr:colOff>
                    <xdr:row>26</xdr:row>
                    <xdr:rowOff>236220</xdr:rowOff>
                  </to>
                </anchor>
              </controlPr>
            </control>
          </mc:Choice>
        </mc:AlternateContent>
        <mc:AlternateContent xmlns:mc="http://schemas.openxmlformats.org/markup-compatibility/2006">
          <mc:Choice Requires="x14">
            <control shapeId="6167" r:id="rId26" name="Check Box 23">
              <controlPr defaultSize="0" autoFill="0" autoLine="0" autoPict="0">
                <anchor moveWithCells="1">
                  <from>
                    <xdr:col>1</xdr:col>
                    <xdr:colOff>160020</xdr:colOff>
                    <xdr:row>27</xdr:row>
                    <xdr:rowOff>0</xdr:rowOff>
                  </from>
                  <to>
                    <xdr:col>1</xdr:col>
                    <xdr:colOff>411480</xdr:colOff>
                    <xdr:row>27</xdr:row>
                    <xdr:rowOff>236220</xdr:rowOff>
                  </to>
                </anchor>
              </controlPr>
            </control>
          </mc:Choice>
        </mc:AlternateContent>
        <mc:AlternateContent xmlns:mc="http://schemas.openxmlformats.org/markup-compatibility/2006">
          <mc:Choice Requires="x14">
            <control shapeId="6168" r:id="rId27" name="Check Box 24">
              <controlPr defaultSize="0" autoFill="0" autoLine="0" autoPict="0">
                <anchor moveWithCells="1">
                  <from>
                    <xdr:col>1</xdr:col>
                    <xdr:colOff>160020</xdr:colOff>
                    <xdr:row>28</xdr:row>
                    <xdr:rowOff>0</xdr:rowOff>
                  </from>
                  <to>
                    <xdr:col>1</xdr:col>
                    <xdr:colOff>411480</xdr:colOff>
                    <xdr:row>28</xdr:row>
                    <xdr:rowOff>236220</xdr:rowOff>
                  </to>
                </anchor>
              </controlPr>
            </control>
          </mc:Choice>
        </mc:AlternateContent>
        <mc:AlternateContent xmlns:mc="http://schemas.openxmlformats.org/markup-compatibility/2006">
          <mc:Choice Requires="x14">
            <control shapeId="6169" r:id="rId28" name="Check Box 25">
              <controlPr defaultSize="0" autoFill="0" autoLine="0" autoPict="0">
                <anchor moveWithCells="1">
                  <from>
                    <xdr:col>1</xdr:col>
                    <xdr:colOff>160020</xdr:colOff>
                    <xdr:row>29</xdr:row>
                    <xdr:rowOff>0</xdr:rowOff>
                  </from>
                  <to>
                    <xdr:col>1</xdr:col>
                    <xdr:colOff>411480</xdr:colOff>
                    <xdr:row>29</xdr:row>
                    <xdr:rowOff>236220</xdr:rowOff>
                  </to>
                </anchor>
              </controlPr>
            </control>
          </mc:Choice>
        </mc:AlternateContent>
        <mc:AlternateContent xmlns:mc="http://schemas.openxmlformats.org/markup-compatibility/2006">
          <mc:Choice Requires="x14">
            <control shapeId="6170" r:id="rId29" name="Check Box 26">
              <controlPr defaultSize="0" autoFill="0" autoLine="0" autoPict="0">
                <anchor moveWithCells="1">
                  <from>
                    <xdr:col>1</xdr:col>
                    <xdr:colOff>160020</xdr:colOff>
                    <xdr:row>30</xdr:row>
                    <xdr:rowOff>0</xdr:rowOff>
                  </from>
                  <to>
                    <xdr:col>1</xdr:col>
                    <xdr:colOff>411480</xdr:colOff>
                    <xdr:row>30</xdr:row>
                    <xdr:rowOff>236220</xdr:rowOff>
                  </to>
                </anchor>
              </controlPr>
            </control>
          </mc:Choice>
        </mc:AlternateContent>
        <mc:AlternateContent xmlns:mc="http://schemas.openxmlformats.org/markup-compatibility/2006">
          <mc:Choice Requires="x14">
            <control shapeId="6171" r:id="rId30" name="Check Box 27">
              <controlPr defaultSize="0" autoFill="0" autoLine="0" autoPict="0">
                <anchor moveWithCells="1">
                  <from>
                    <xdr:col>1</xdr:col>
                    <xdr:colOff>152400</xdr:colOff>
                    <xdr:row>30</xdr:row>
                    <xdr:rowOff>175260</xdr:rowOff>
                  </from>
                  <to>
                    <xdr:col>1</xdr:col>
                    <xdr:colOff>403860</xdr:colOff>
                    <xdr:row>32</xdr:row>
                    <xdr:rowOff>99060</xdr:rowOff>
                  </to>
                </anchor>
              </controlPr>
            </control>
          </mc:Choice>
        </mc:AlternateContent>
        <mc:AlternateContent xmlns:mc="http://schemas.openxmlformats.org/markup-compatibility/2006">
          <mc:Choice Requires="x14">
            <control shapeId="6172" r:id="rId31" name="Check Box 28">
              <controlPr defaultSize="0" autoFill="0" autoLine="0" autoPict="0">
                <anchor moveWithCells="1">
                  <from>
                    <xdr:col>1</xdr:col>
                    <xdr:colOff>160020</xdr:colOff>
                    <xdr:row>32</xdr:row>
                    <xdr:rowOff>0</xdr:rowOff>
                  </from>
                  <to>
                    <xdr:col>1</xdr:col>
                    <xdr:colOff>411480</xdr:colOff>
                    <xdr:row>32</xdr:row>
                    <xdr:rowOff>236220</xdr:rowOff>
                  </to>
                </anchor>
              </controlPr>
            </control>
          </mc:Choice>
        </mc:AlternateContent>
        <mc:AlternateContent xmlns:mc="http://schemas.openxmlformats.org/markup-compatibility/2006">
          <mc:Choice Requires="x14">
            <control shapeId="6173" r:id="rId32" name="Check Box 29">
              <controlPr defaultSize="0" autoFill="0" autoLine="0" autoPict="0">
                <anchor moveWithCells="1">
                  <from>
                    <xdr:col>1</xdr:col>
                    <xdr:colOff>160020</xdr:colOff>
                    <xdr:row>33</xdr:row>
                    <xdr:rowOff>0</xdr:rowOff>
                  </from>
                  <to>
                    <xdr:col>1</xdr:col>
                    <xdr:colOff>411480</xdr:colOff>
                    <xdr:row>33</xdr:row>
                    <xdr:rowOff>236220</xdr:rowOff>
                  </to>
                </anchor>
              </controlPr>
            </control>
          </mc:Choice>
        </mc:AlternateContent>
        <mc:AlternateContent xmlns:mc="http://schemas.openxmlformats.org/markup-compatibility/2006">
          <mc:Choice Requires="x14">
            <control shapeId="6174" r:id="rId33" name="Check Box 30">
              <controlPr defaultSize="0" autoFill="0" autoLine="0" autoPict="0">
                <anchor moveWithCells="1">
                  <from>
                    <xdr:col>3</xdr:col>
                    <xdr:colOff>160020</xdr:colOff>
                    <xdr:row>25</xdr:row>
                    <xdr:rowOff>0</xdr:rowOff>
                  </from>
                  <to>
                    <xdr:col>3</xdr:col>
                    <xdr:colOff>411480</xdr:colOff>
                    <xdr:row>25</xdr:row>
                    <xdr:rowOff>236220</xdr:rowOff>
                  </to>
                </anchor>
              </controlPr>
            </control>
          </mc:Choice>
        </mc:AlternateContent>
        <mc:AlternateContent xmlns:mc="http://schemas.openxmlformats.org/markup-compatibility/2006">
          <mc:Choice Requires="x14">
            <control shapeId="6175" r:id="rId34" name="Check Box 31">
              <controlPr defaultSize="0" autoFill="0" autoLine="0" autoPict="0">
                <anchor moveWithCells="1">
                  <from>
                    <xdr:col>3</xdr:col>
                    <xdr:colOff>160020</xdr:colOff>
                    <xdr:row>26</xdr:row>
                    <xdr:rowOff>0</xdr:rowOff>
                  </from>
                  <to>
                    <xdr:col>3</xdr:col>
                    <xdr:colOff>411480</xdr:colOff>
                    <xdr:row>26</xdr:row>
                    <xdr:rowOff>236220</xdr:rowOff>
                  </to>
                </anchor>
              </controlPr>
            </control>
          </mc:Choice>
        </mc:AlternateContent>
        <mc:AlternateContent xmlns:mc="http://schemas.openxmlformats.org/markup-compatibility/2006">
          <mc:Choice Requires="x14">
            <control shapeId="6176" r:id="rId35" name="Check Box 32">
              <controlPr defaultSize="0" autoFill="0" autoLine="0" autoPict="0">
                <anchor moveWithCells="1">
                  <from>
                    <xdr:col>3</xdr:col>
                    <xdr:colOff>160020</xdr:colOff>
                    <xdr:row>27</xdr:row>
                    <xdr:rowOff>0</xdr:rowOff>
                  </from>
                  <to>
                    <xdr:col>3</xdr:col>
                    <xdr:colOff>411480</xdr:colOff>
                    <xdr:row>27</xdr:row>
                    <xdr:rowOff>236220</xdr:rowOff>
                  </to>
                </anchor>
              </controlPr>
            </control>
          </mc:Choice>
        </mc:AlternateContent>
        <mc:AlternateContent xmlns:mc="http://schemas.openxmlformats.org/markup-compatibility/2006">
          <mc:Choice Requires="x14">
            <control shapeId="6177" r:id="rId36" name="Check Box 33">
              <controlPr defaultSize="0" autoFill="0" autoLine="0" autoPict="0">
                <anchor moveWithCells="1">
                  <from>
                    <xdr:col>3</xdr:col>
                    <xdr:colOff>160020</xdr:colOff>
                    <xdr:row>28</xdr:row>
                    <xdr:rowOff>0</xdr:rowOff>
                  </from>
                  <to>
                    <xdr:col>3</xdr:col>
                    <xdr:colOff>411480</xdr:colOff>
                    <xdr:row>28</xdr:row>
                    <xdr:rowOff>236220</xdr:rowOff>
                  </to>
                </anchor>
              </controlPr>
            </control>
          </mc:Choice>
        </mc:AlternateContent>
        <mc:AlternateContent xmlns:mc="http://schemas.openxmlformats.org/markup-compatibility/2006">
          <mc:Choice Requires="x14">
            <control shapeId="6178" r:id="rId37" name="Check Box 34">
              <controlPr defaultSize="0" autoFill="0" autoLine="0" autoPict="0">
                <anchor moveWithCells="1">
                  <from>
                    <xdr:col>3</xdr:col>
                    <xdr:colOff>160020</xdr:colOff>
                    <xdr:row>29</xdr:row>
                    <xdr:rowOff>0</xdr:rowOff>
                  </from>
                  <to>
                    <xdr:col>3</xdr:col>
                    <xdr:colOff>411480</xdr:colOff>
                    <xdr:row>29</xdr:row>
                    <xdr:rowOff>236220</xdr:rowOff>
                  </to>
                </anchor>
              </controlPr>
            </control>
          </mc:Choice>
        </mc:AlternateContent>
        <mc:AlternateContent xmlns:mc="http://schemas.openxmlformats.org/markup-compatibility/2006">
          <mc:Choice Requires="x14">
            <control shapeId="6179" r:id="rId38" name="Check Box 35">
              <controlPr defaultSize="0" autoFill="0" autoLine="0" autoPict="0">
                <anchor moveWithCells="1">
                  <from>
                    <xdr:col>3</xdr:col>
                    <xdr:colOff>160020</xdr:colOff>
                    <xdr:row>30</xdr:row>
                    <xdr:rowOff>0</xdr:rowOff>
                  </from>
                  <to>
                    <xdr:col>3</xdr:col>
                    <xdr:colOff>411480</xdr:colOff>
                    <xdr:row>30</xdr:row>
                    <xdr:rowOff>236220</xdr:rowOff>
                  </to>
                </anchor>
              </controlPr>
            </control>
          </mc:Choice>
        </mc:AlternateContent>
        <mc:AlternateContent xmlns:mc="http://schemas.openxmlformats.org/markup-compatibility/2006">
          <mc:Choice Requires="x14">
            <control shapeId="6180" r:id="rId39" name="Check Box 36">
              <controlPr defaultSize="0" autoFill="0" autoLine="0" autoPict="0">
                <anchor moveWithCells="1">
                  <from>
                    <xdr:col>3</xdr:col>
                    <xdr:colOff>160020</xdr:colOff>
                    <xdr:row>30</xdr:row>
                    <xdr:rowOff>213360</xdr:rowOff>
                  </from>
                  <to>
                    <xdr:col>3</xdr:col>
                    <xdr:colOff>403860</xdr:colOff>
                    <xdr:row>32</xdr:row>
                    <xdr:rowOff>121920</xdr:rowOff>
                  </to>
                </anchor>
              </controlPr>
            </control>
          </mc:Choice>
        </mc:AlternateContent>
        <mc:AlternateContent xmlns:mc="http://schemas.openxmlformats.org/markup-compatibility/2006">
          <mc:Choice Requires="x14">
            <control shapeId="6181" r:id="rId40" name="Check Box 37">
              <controlPr defaultSize="0" autoFill="0" autoLine="0" autoPict="0">
                <anchor moveWithCells="1">
                  <from>
                    <xdr:col>3</xdr:col>
                    <xdr:colOff>160020</xdr:colOff>
                    <xdr:row>32</xdr:row>
                    <xdr:rowOff>0</xdr:rowOff>
                  </from>
                  <to>
                    <xdr:col>3</xdr:col>
                    <xdr:colOff>411480</xdr:colOff>
                    <xdr:row>32</xdr:row>
                    <xdr:rowOff>236220</xdr:rowOff>
                  </to>
                </anchor>
              </controlPr>
            </control>
          </mc:Choice>
        </mc:AlternateContent>
        <mc:AlternateContent xmlns:mc="http://schemas.openxmlformats.org/markup-compatibility/2006">
          <mc:Choice Requires="x14">
            <control shapeId="6182" r:id="rId41" name="Check Box 38">
              <controlPr defaultSize="0" autoFill="0" autoLine="0" autoPict="0">
                <anchor moveWithCells="1">
                  <from>
                    <xdr:col>3</xdr:col>
                    <xdr:colOff>160020</xdr:colOff>
                    <xdr:row>33</xdr:row>
                    <xdr:rowOff>0</xdr:rowOff>
                  </from>
                  <to>
                    <xdr:col>3</xdr:col>
                    <xdr:colOff>411480</xdr:colOff>
                    <xdr:row>33</xdr:row>
                    <xdr:rowOff>236220</xdr:rowOff>
                  </to>
                </anchor>
              </controlPr>
            </control>
          </mc:Choice>
        </mc:AlternateContent>
        <mc:AlternateContent xmlns:mc="http://schemas.openxmlformats.org/markup-compatibility/2006">
          <mc:Choice Requires="x14">
            <control shapeId="6183" r:id="rId42" name="Check Box 39">
              <controlPr defaultSize="0" autoFill="0" autoLine="0" autoPict="0">
                <anchor moveWithCells="1">
                  <from>
                    <xdr:col>1</xdr:col>
                    <xdr:colOff>160020</xdr:colOff>
                    <xdr:row>37</xdr:row>
                    <xdr:rowOff>0</xdr:rowOff>
                  </from>
                  <to>
                    <xdr:col>1</xdr:col>
                    <xdr:colOff>411480</xdr:colOff>
                    <xdr:row>37</xdr:row>
                    <xdr:rowOff>236220</xdr:rowOff>
                  </to>
                </anchor>
              </controlPr>
            </control>
          </mc:Choice>
        </mc:AlternateContent>
        <mc:AlternateContent xmlns:mc="http://schemas.openxmlformats.org/markup-compatibility/2006">
          <mc:Choice Requires="x14">
            <control shapeId="6184" r:id="rId43" name="Check Box 40">
              <controlPr defaultSize="0" autoFill="0" autoLine="0" autoPict="0">
                <anchor moveWithCells="1">
                  <from>
                    <xdr:col>1</xdr:col>
                    <xdr:colOff>160020</xdr:colOff>
                    <xdr:row>38</xdr:row>
                    <xdr:rowOff>0</xdr:rowOff>
                  </from>
                  <to>
                    <xdr:col>1</xdr:col>
                    <xdr:colOff>411480</xdr:colOff>
                    <xdr:row>38</xdr:row>
                    <xdr:rowOff>236220</xdr:rowOff>
                  </to>
                </anchor>
              </controlPr>
            </control>
          </mc:Choice>
        </mc:AlternateContent>
        <mc:AlternateContent xmlns:mc="http://schemas.openxmlformats.org/markup-compatibility/2006">
          <mc:Choice Requires="x14">
            <control shapeId="6185" r:id="rId44" name="Check Box 41">
              <controlPr defaultSize="0" autoFill="0" autoLine="0" autoPict="0">
                <anchor moveWithCells="1">
                  <from>
                    <xdr:col>1</xdr:col>
                    <xdr:colOff>160020</xdr:colOff>
                    <xdr:row>39</xdr:row>
                    <xdr:rowOff>0</xdr:rowOff>
                  </from>
                  <to>
                    <xdr:col>1</xdr:col>
                    <xdr:colOff>411480</xdr:colOff>
                    <xdr:row>39</xdr:row>
                    <xdr:rowOff>236220</xdr:rowOff>
                  </to>
                </anchor>
              </controlPr>
            </control>
          </mc:Choice>
        </mc:AlternateContent>
        <mc:AlternateContent xmlns:mc="http://schemas.openxmlformats.org/markup-compatibility/2006">
          <mc:Choice Requires="x14">
            <control shapeId="6186" r:id="rId45" name="Check Box 42">
              <controlPr defaultSize="0" autoFill="0" autoLine="0" autoPict="0">
                <anchor moveWithCells="1">
                  <from>
                    <xdr:col>1</xdr:col>
                    <xdr:colOff>160020</xdr:colOff>
                    <xdr:row>41</xdr:row>
                    <xdr:rowOff>0</xdr:rowOff>
                  </from>
                  <to>
                    <xdr:col>1</xdr:col>
                    <xdr:colOff>411480</xdr:colOff>
                    <xdr:row>41</xdr:row>
                    <xdr:rowOff>236220</xdr:rowOff>
                  </to>
                </anchor>
              </controlPr>
            </control>
          </mc:Choice>
        </mc:AlternateContent>
        <mc:AlternateContent xmlns:mc="http://schemas.openxmlformats.org/markup-compatibility/2006">
          <mc:Choice Requires="x14">
            <control shapeId="6187" r:id="rId46" name="Check Box 43">
              <controlPr defaultSize="0" autoFill="0" autoLine="0" autoPict="0">
                <anchor moveWithCells="1">
                  <from>
                    <xdr:col>3</xdr:col>
                    <xdr:colOff>160020</xdr:colOff>
                    <xdr:row>37</xdr:row>
                    <xdr:rowOff>0</xdr:rowOff>
                  </from>
                  <to>
                    <xdr:col>3</xdr:col>
                    <xdr:colOff>411480</xdr:colOff>
                    <xdr:row>37</xdr:row>
                    <xdr:rowOff>236220</xdr:rowOff>
                  </to>
                </anchor>
              </controlPr>
            </control>
          </mc:Choice>
        </mc:AlternateContent>
        <mc:AlternateContent xmlns:mc="http://schemas.openxmlformats.org/markup-compatibility/2006">
          <mc:Choice Requires="x14">
            <control shapeId="6188" r:id="rId47" name="Check Box 44">
              <controlPr defaultSize="0" autoFill="0" autoLine="0" autoPict="0">
                <anchor moveWithCells="1">
                  <from>
                    <xdr:col>3</xdr:col>
                    <xdr:colOff>160020</xdr:colOff>
                    <xdr:row>38</xdr:row>
                    <xdr:rowOff>0</xdr:rowOff>
                  </from>
                  <to>
                    <xdr:col>3</xdr:col>
                    <xdr:colOff>411480</xdr:colOff>
                    <xdr:row>38</xdr:row>
                    <xdr:rowOff>236220</xdr:rowOff>
                  </to>
                </anchor>
              </controlPr>
            </control>
          </mc:Choice>
        </mc:AlternateContent>
        <mc:AlternateContent xmlns:mc="http://schemas.openxmlformats.org/markup-compatibility/2006">
          <mc:Choice Requires="x14">
            <control shapeId="6189" r:id="rId48" name="Check Box 45">
              <controlPr defaultSize="0" autoFill="0" autoLine="0" autoPict="0">
                <anchor moveWithCells="1">
                  <from>
                    <xdr:col>3</xdr:col>
                    <xdr:colOff>160020</xdr:colOff>
                    <xdr:row>39</xdr:row>
                    <xdr:rowOff>0</xdr:rowOff>
                  </from>
                  <to>
                    <xdr:col>3</xdr:col>
                    <xdr:colOff>411480</xdr:colOff>
                    <xdr:row>39</xdr:row>
                    <xdr:rowOff>236220</xdr:rowOff>
                  </to>
                </anchor>
              </controlPr>
            </control>
          </mc:Choice>
        </mc:AlternateContent>
        <mc:AlternateContent xmlns:mc="http://schemas.openxmlformats.org/markup-compatibility/2006">
          <mc:Choice Requires="x14">
            <control shapeId="6190" r:id="rId49" name="Check Box 46">
              <controlPr defaultSize="0" autoFill="0" autoLine="0" autoPict="0">
                <anchor moveWithCells="1">
                  <from>
                    <xdr:col>3</xdr:col>
                    <xdr:colOff>160020</xdr:colOff>
                    <xdr:row>41</xdr:row>
                    <xdr:rowOff>0</xdr:rowOff>
                  </from>
                  <to>
                    <xdr:col>3</xdr:col>
                    <xdr:colOff>411480</xdr:colOff>
                    <xdr:row>41</xdr:row>
                    <xdr:rowOff>236220</xdr:rowOff>
                  </to>
                </anchor>
              </controlPr>
            </control>
          </mc:Choice>
        </mc:AlternateContent>
        <mc:AlternateContent xmlns:mc="http://schemas.openxmlformats.org/markup-compatibility/2006">
          <mc:Choice Requires="x14">
            <control shapeId="6191" r:id="rId50" name="Check Box 47">
              <controlPr defaultSize="0" autoFill="0" autoLine="0" autoPict="0">
                <anchor moveWithCells="1">
                  <from>
                    <xdr:col>1</xdr:col>
                    <xdr:colOff>160020</xdr:colOff>
                    <xdr:row>40</xdr:row>
                    <xdr:rowOff>0</xdr:rowOff>
                  </from>
                  <to>
                    <xdr:col>1</xdr:col>
                    <xdr:colOff>411480</xdr:colOff>
                    <xdr:row>40</xdr:row>
                    <xdr:rowOff>236220</xdr:rowOff>
                  </to>
                </anchor>
              </controlPr>
            </control>
          </mc:Choice>
        </mc:AlternateContent>
        <mc:AlternateContent xmlns:mc="http://schemas.openxmlformats.org/markup-compatibility/2006">
          <mc:Choice Requires="x14">
            <control shapeId="6192" r:id="rId51" name="Check Box 48">
              <controlPr defaultSize="0" autoFill="0" autoLine="0" autoPict="0">
                <anchor moveWithCells="1">
                  <from>
                    <xdr:col>3</xdr:col>
                    <xdr:colOff>160020</xdr:colOff>
                    <xdr:row>40</xdr:row>
                    <xdr:rowOff>0</xdr:rowOff>
                  </from>
                  <to>
                    <xdr:col>3</xdr:col>
                    <xdr:colOff>411480</xdr:colOff>
                    <xdr:row>40</xdr:row>
                    <xdr:rowOff>236220</xdr:rowOff>
                  </to>
                </anchor>
              </controlPr>
            </control>
          </mc:Choice>
        </mc:AlternateContent>
        <mc:AlternateContent xmlns:mc="http://schemas.openxmlformats.org/markup-compatibility/2006">
          <mc:Choice Requires="x14">
            <control shapeId="6193" r:id="rId52" name="Check Box 49">
              <controlPr defaultSize="0" autoFill="0" autoLine="0" autoPict="0">
                <anchor moveWithCells="1">
                  <from>
                    <xdr:col>1</xdr:col>
                    <xdr:colOff>160020</xdr:colOff>
                    <xdr:row>45</xdr:row>
                    <xdr:rowOff>0</xdr:rowOff>
                  </from>
                  <to>
                    <xdr:col>1</xdr:col>
                    <xdr:colOff>411480</xdr:colOff>
                    <xdr:row>45</xdr:row>
                    <xdr:rowOff>236220</xdr:rowOff>
                  </to>
                </anchor>
              </controlPr>
            </control>
          </mc:Choice>
        </mc:AlternateContent>
        <mc:AlternateContent xmlns:mc="http://schemas.openxmlformats.org/markup-compatibility/2006">
          <mc:Choice Requires="x14">
            <control shapeId="6194" r:id="rId53" name="Check Box 50">
              <controlPr defaultSize="0" autoFill="0" autoLine="0" autoPict="0">
                <anchor moveWithCells="1">
                  <from>
                    <xdr:col>1</xdr:col>
                    <xdr:colOff>160020</xdr:colOff>
                    <xdr:row>46</xdr:row>
                    <xdr:rowOff>0</xdr:rowOff>
                  </from>
                  <to>
                    <xdr:col>1</xdr:col>
                    <xdr:colOff>411480</xdr:colOff>
                    <xdr:row>46</xdr:row>
                    <xdr:rowOff>236220</xdr:rowOff>
                  </to>
                </anchor>
              </controlPr>
            </control>
          </mc:Choice>
        </mc:AlternateContent>
        <mc:AlternateContent xmlns:mc="http://schemas.openxmlformats.org/markup-compatibility/2006">
          <mc:Choice Requires="x14">
            <control shapeId="6195" r:id="rId54" name="Check Box 51">
              <controlPr defaultSize="0" autoFill="0" autoLine="0" autoPict="0">
                <anchor moveWithCells="1">
                  <from>
                    <xdr:col>1</xdr:col>
                    <xdr:colOff>160020</xdr:colOff>
                    <xdr:row>47</xdr:row>
                    <xdr:rowOff>0</xdr:rowOff>
                  </from>
                  <to>
                    <xdr:col>1</xdr:col>
                    <xdr:colOff>411480</xdr:colOff>
                    <xdr:row>47</xdr:row>
                    <xdr:rowOff>236220</xdr:rowOff>
                  </to>
                </anchor>
              </controlPr>
            </control>
          </mc:Choice>
        </mc:AlternateContent>
        <mc:AlternateContent xmlns:mc="http://schemas.openxmlformats.org/markup-compatibility/2006">
          <mc:Choice Requires="x14">
            <control shapeId="6196" r:id="rId55" name="Check Box 52">
              <controlPr defaultSize="0" autoFill="0" autoLine="0" autoPict="0">
                <anchor moveWithCells="1">
                  <from>
                    <xdr:col>1</xdr:col>
                    <xdr:colOff>160020</xdr:colOff>
                    <xdr:row>47</xdr:row>
                    <xdr:rowOff>0</xdr:rowOff>
                  </from>
                  <to>
                    <xdr:col>1</xdr:col>
                    <xdr:colOff>411480</xdr:colOff>
                    <xdr:row>47</xdr:row>
                    <xdr:rowOff>236220</xdr:rowOff>
                  </to>
                </anchor>
              </controlPr>
            </control>
          </mc:Choice>
        </mc:AlternateContent>
        <mc:AlternateContent xmlns:mc="http://schemas.openxmlformats.org/markup-compatibility/2006">
          <mc:Choice Requires="x14">
            <control shapeId="6197" r:id="rId56" name="Check Box 53">
              <controlPr defaultSize="0" autoFill="0" autoLine="0" autoPict="0">
                <anchor moveWithCells="1">
                  <from>
                    <xdr:col>3</xdr:col>
                    <xdr:colOff>160020</xdr:colOff>
                    <xdr:row>45</xdr:row>
                    <xdr:rowOff>0</xdr:rowOff>
                  </from>
                  <to>
                    <xdr:col>3</xdr:col>
                    <xdr:colOff>411480</xdr:colOff>
                    <xdr:row>45</xdr:row>
                    <xdr:rowOff>236220</xdr:rowOff>
                  </to>
                </anchor>
              </controlPr>
            </control>
          </mc:Choice>
        </mc:AlternateContent>
        <mc:AlternateContent xmlns:mc="http://schemas.openxmlformats.org/markup-compatibility/2006">
          <mc:Choice Requires="x14">
            <control shapeId="6198" r:id="rId57" name="Check Box 54">
              <controlPr defaultSize="0" autoFill="0" autoLine="0" autoPict="0">
                <anchor moveWithCells="1">
                  <from>
                    <xdr:col>3</xdr:col>
                    <xdr:colOff>160020</xdr:colOff>
                    <xdr:row>46</xdr:row>
                    <xdr:rowOff>0</xdr:rowOff>
                  </from>
                  <to>
                    <xdr:col>3</xdr:col>
                    <xdr:colOff>411480</xdr:colOff>
                    <xdr:row>46</xdr:row>
                    <xdr:rowOff>236220</xdr:rowOff>
                  </to>
                </anchor>
              </controlPr>
            </control>
          </mc:Choice>
        </mc:AlternateContent>
        <mc:AlternateContent xmlns:mc="http://schemas.openxmlformats.org/markup-compatibility/2006">
          <mc:Choice Requires="x14">
            <control shapeId="6199" r:id="rId58" name="Check Box 55">
              <controlPr defaultSize="0" autoFill="0" autoLine="0" autoPict="0">
                <anchor moveWithCells="1">
                  <from>
                    <xdr:col>3</xdr:col>
                    <xdr:colOff>160020</xdr:colOff>
                    <xdr:row>47</xdr:row>
                    <xdr:rowOff>0</xdr:rowOff>
                  </from>
                  <to>
                    <xdr:col>3</xdr:col>
                    <xdr:colOff>411480</xdr:colOff>
                    <xdr:row>47</xdr:row>
                    <xdr:rowOff>236220</xdr:rowOff>
                  </to>
                </anchor>
              </controlPr>
            </control>
          </mc:Choice>
        </mc:AlternateContent>
        <mc:AlternateContent xmlns:mc="http://schemas.openxmlformats.org/markup-compatibility/2006">
          <mc:Choice Requires="x14">
            <control shapeId="6200" r:id="rId59" name="Check Box 56">
              <controlPr defaultSize="0" autoFill="0" autoLine="0" autoPict="0">
                <anchor moveWithCells="1">
                  <from>
                    <xdr:col>3</xdr:col>
                    <xdr:colOff>160020</xdr:colOff>
                    <xdr:row>47</xdr:row>
                    <xdr:rowOff>0</xdr:rowOff>
                  </from>
                  <to>
                    <xdr:col>3</xdr:col>
                    <xdr:colOff>411480</xdr:colOff>
                    <xdr:row>47</xdr:row>
                    <xdr:rowOff>236220</xdr:rowOff>
                  </to>
                </anchor>
              </controlPr>
            </control>
          </mc:Choice>
        </mc:AlternateContent>
        <mc:AlternateContent xmlns:mc="http://schemas.openxmlformats.org/markup-compatibility/2006">
          <mc:Choice Requires="x14">
            <control shapeId="6201" r:id="rId60" name="Check Box 57">
              <controlPr defaultSize="0" autoFill="0" autoLine="0" autoPict="0">
                <anchor moveWithCells="1">
                  <from>
                    <xdr:col>1</xdr:col>
                    <xdr:colOff>160020</xdr:colOff>
                    <xdr:row>47</xdr:row>
                    <xdr:rowOff>0</xdr:rowOff>
                  </from>
                  <to>
                    <xdr:col>1</xdr:col>
                    <xdr:colOff>411480</xdr:colOff>
                    <xdr:row>47</xdr:row>
                    <xdr:rowOff>236220</xdr:rowOff>
                  </to>
                </anchor>
              </controlPr>
            </control>
          </mc:Choice>
        </mc:AlternateContent>
        <mc:AlternateContent xmlns:mc="http://schemas.openxmlformats.org/markup-compatibility/2006">
          <mc:Choice Requires="x14">
            <control shapeId="6202" r:id="rId61" name="Check Box 58">
              <controlPr defaultSize="0" autoFill="0" autoLine="0" autoPict="0">
                <anchor moveWithCells="1">
                  <from>
                    <xdr:col>3</xdr:col>
                    <xdr:colOff>160020</xdr:colOff>
                    <xdr:row>47</xdr:row>
                    <xdr:rowOff>0</xdr:rowOff>
                  </from>
                  <to>
                    <xdr:col>3</xdr:col>
                    <xdr:colOff>411480</xdr:colOff>
                    <xdr:row>47</xdr:row>
                    <xdr:rowOff>236220</xdr:rowOff>
                  </to>
                </anchor>
              </controlPr>
            </control>
          </mc:Choice>
        </mc:AlternateContent>
        <mc:AlternateContent xmlns:mc="http://schemas.openxmlformats.org/markup-compatibility/2006">
          <mc:Choice Requires="x14">
            <control shapeId="6203" r:id="rId62" name="Check Box 59">
              <controlPr defaultSize="0" autoFill="0" autoLine="0" autoPict="0">
                <anchor moveWithCells="1">
                  <from>
                    <xdr:col>1</xdr:col>
                    <xdr:colOff>160020</xdr:colOff>
                    <xdr:row>51</xdr:row>
                    <xdr:rowOff>0</xdr:rowOff>
                  </from>
                  <to>
                    <xdr:col>1</xdr:col>
                    <xdr:colOff>411480</xdr:colOff>
                    <xdr:row>51</xdr:row>
                    <xdr:rowOff>236220</xdr:rowOff>
                  </to>
                </anchor>
              </controlPr>
            </control>
          </mc:Choice>
        </mc:AlternateContent>
        <mc:AlternateContent xmlns:mc="http://schemas.openxmlformats.org/markup-compatibility/2006">
          <mc:Choice Requires="x14">
            <control shapeId="6204" r:id="rId63" name="Check Box 60">
              <controlPr defaultSize="0" autoFill="0" autoLine="0" autoPict="0">
                <anchor moveWithCells="1">
                  <from>
                    <xdr:col>1</xdr:col>
                    <xdr:colOff>160020</xdr:colOff>
                    <xdr:row>53</xdr:row>
                    <xdr:rowOff>0</xdr:rowOff>
                  </from>
                  <to>
                    <xdr:col>1</xdr:col>
                    <xdr:colOff>411480</xdr:colOff>
                    <xdr:row>53</xdr:row>
                    <xdr:rowOff>236220</xdr:rowOff>
                  </to>
                </anchor>
              </controlPr>
            </control>
          </mc:Choice>
        </mc:AlternateContent>
        <mc:AlternateContent xmlns:mc="http://schemas.openxmlformats.org/markup-compatibility/2006">
          <mc:Choice Requires="x14">
            <control shapeId="6205" r:id="rId64" name="Check Box 61">
              <controlPr defaultSize="0" autoFill="0" autoLine="0" autoPict="0">
                <anchor moveWithCells="1">
                  <from>
                    <xdr:col>1</xdr:col>
                    <xdr:colOff>160020</xdr:colOff>
                    <xdr:row>53</xdr:row>
                    <xdr:rowOff>0</xdr:rowOff>
                  </from>
                  <to>
                    <xdr:col>1</xdr:col>
                    <xdr:colOff>411480</xdr:colOff>
                    <xdr:row>53</xdr:row>
                    <xdr:rowOff>236220</xdr:rowOff>
                  </to>
                </anchor>
              </controlPr>
            </control>
          </mc:Choice>
        </mc:AlternateContent>
        <mc:AlternateContent xmlns:mc="http://schemas.openxmlformats.org/markup-compatibility/2006">
          <mc:Choice Requires="x14">
            <control shapeId="6206" r:id="rId65" name="Check Box 62">
              <controlPr defaultSize="0" autoFill="0" autoLine="0" autoPict="0">
                <anchor moveWithCells="1">
                  <from>
                    <xdr:col>1</xdr:col>
                    <xdr:colOff>160020</xdr:colOff>
                    <xdr:row>53</xdr:row>
                    <xdr:rowOff>0</xdr:rowOff>
                  </from>
                  <to>
                    <xdr:col>1</xdr:col>
                    <xdr:colOff>411480</xdr:colOff>
                    <xdr:row>53</xdr:row>
                    <xdr:rowOff>236220</xdr:rowOff>
                  </to>
                </anchor>
              </controlPr>
            </control>
          </mc:Choice>
        </mc:AlternateContent>
        <mc:AlternateContent xmlns:mc="http://schemas.openxmlformats.org/markup-compatibility/2006">
          <mc:Choice Requires="x14">
            <control shapeId="6207" r:id="rId66" name="Check Box 63">
              <controlPr defaultSize="0" autoFill="0" autoLine="0" autoPict="0">
                <anchor moveWithCells="1">
                  <from>
                    <xdr:col>3</xdr:col>
                    <xdr:colOff>160020</xdr:colOff>
                    <xdr:row>51</xdr:row>
                    <xdr:rowOff>0</xdr:rowOff>
                  </from>
                  <to>
                    <xdr:col>3</xdr:col>
                    <xdr:colOff>411480</xdr:colOff>
                    <xdr:row>51</xdr:row>
                    <xdr:rowOff>236220</xdr:rowOff>
                  </to>
                </anchor>
              </controlPr>
            </control>
          </mc:Choice>
        </mc:AlternateContent>
        <mc:AlternateContent xmlns:mc="http://schemas.openxmlformats.org/markup-compatibility/2006">
          <mc:Choice Requires="x14">
            <control shapeId="6208" r:id="rId67" name="Check Box 64">
              <controlPr defaultSize="0" autoFill="0" autoLine="0" autoPict="0">
                <anchor moveWithCells="1">
                  <from>
                    <xdr:col>3</xdr:col>
                    <xdr:colOff>160020</xdr:colOff>
                    <xdr:row>53</xdr:row>
                    <xdr:rowOff>0</xdr:rowOff>
                  </from>
                  <to>
                    <xdr:col>3</xdr:col>
                    <xdr:colOff>411480</xdr:colOff>
                    <xdr:row>53</xdr:row>
                    <xdr:rowOff>236220</xdr:rowOff>
                  </to>
                </anchor>
              </controlPr>
            </control>
          </mc:Choice>
        </mc:AlternateContent>
        <mc:AlternateContent xmlns:mc="http://schemas.openxmlformats.org/markup-compatibility/2006">
          <mc:Choice Requires="x14">
            <control shapeId="6209" r:id="rId68" name="Check Box 65">
              <controlPr defaultSize="0" autoFill="0" autoLine="0" autoPict="0">
                <anchor moveWithCells="1">
                  <from>
                    <xdr:col>3</xdr:col>
                    <xdr:colOff>160020</xdr:colOff>
                    <xdr:row>53</xdr:row>
                    <xdr:rowOff>0</xdr:rowOff>
                  </from>
                  <to>
                    <xdr:col>3</xdr:col>
                    <xdr:colOff>411480</xdr:colOff>
                    <xdr:row>53</xdr:row>
                    <xdr:rowOff>236220</xdr:rowOff>
                  </to>
                </anchor>
              </controlPr>
            </control>
          </mc:Choice>
        </mc:AlternateContent>
        <mc:AlternateContent xmlns:mc="http://schemas.openxmlformats.org/markup-compatibility/2006">
          <mc:Choice Requires="x14">
            <control shapeId="6210" r:id="rId69" name="Check Box 66">
              <controlPr defaultSize="0" autoFill="0" autoLine="0" autoPict="0">
                <anchor moveWithCells="1">
                  <from>
                    <xdr:col>3</xdr:col>
                    <xdr:colOff>160020</xdr:colOff>
                    <xdr:row>53</xdr:row>
                    <xdr:rowOff>0</xdr:rowOff>
                  </from>
                  <to>
                    <xdr:col>3</xdr:col>
                    <xdr:colOff>411480</xdr:colOff>
                    <xdr:row>53</xdr:row>
                    <xdr:rowOff>236220</xdr:rowOff>
                  </to>
                </anchor>
              </controlPr>
            </control>
          </mc:Choice>
        </mc:AlternateContent>
        <mc:AlternateContent xmlns:mc="http://schemas.openxmlformats.org/markup-compatibility/2006">
          <mc:Choice Requires="x14">
            <control shapeId="6211" r:id="rId70" name="Check Box 67">
              <controlPr defaultSize="0" autoFill="0" autoLine="0" autoPict="0">
                <anchor moveWithCells="1">
                  <from>
                    <xdr:col>1</xdr:col>
                    <xdr:colOff>160020</xdr:colOff>
                    <xdr:row>53</xdr:row>
                    <xdr:rowOff>0</xdr:rowOff>
                  </from>
                  <to>
                    <xdr:col>1</xdr:col>
                    <xdr:colOff>411480</xdr:colOff>
                    <xdr:row>53</xdr:row>
                    <xdr:rowOff>236220</xdr:rowOff>
                  </to>
                </anchor>
              </controlPr>
            </control>
          </mc:Choice>
        </mc:AlternateContent>
        <mc:AlternateContent xmlns:mc="http://schemas.openxmlformats.org/markup-compatibility/2006">
          <mc:Choice Requires="x14">
            <control shapeId="6212" r:id="rId71" name="Check Box 68">
              <controlPr defaultSize="0" autoFill="0" autoLine="0" autoPict="0">
                <anchor moveWithCells="1">
                  <from>
                    <xdr:col>3</xdr:col>
                    <xdr:colOff>160020</xdr:colOff>
                    <xdr:row>53</xdr:row>
                    <xdr:rowOff>0</xdr:rowOff>
                  </from>
                  <to>
                    <xdr:col>3</xdr:col>
                    <xdr:colOff>411480</xdr:colOff>
                    <xdr:row>53</xdr:row>
                    <xdr:rowOff>236220</xdr:rowOff>
                  </to>
                </anchor>
              </controlPr>
            </control>
          </mc:Choice>
        </mc:AlternateContent>
        <mc:AlternateContent xmlns:mc="http://schemas.openxmlformats.org/markup-compatibility/2006">
          <mc:Choice Requires="x14">
            <control shapeId="6213" r:id="rId72" name="Check Box 69">
              <controlPr defaultSize="0" autoFill="0" autoLine="0" autoPict="0">
                <anchor moveWithCells="1">
                  <from>
                    <xdr:col>1</xdr:col>
                    <xdr:colOff>160020</xdr:colOff>
                    <xdr:row>57</xdr:row>
                    <xdr:rowOff>0</xdr:rowOff>
                  </from>
                  <to>
                    <xdr:col>1</xdr:col>
                    <xdr:colOff>411480</xdr:colOff>
                    <xdr:row>57</xdr:row>
                    <xdr:rowOff>236220</xdr:rowOff>
                  </to>
                </anchor>
              </controlPr>
            </control>
          </mc:Choice>
        </mc:AlternateContent>
        <mc:AlternateContent xmlns:mc="http://schemas.openxmlformats.org/markup-compatibility/2006">
          <mc:Choice Requires="x14">
            <control shapeId="6214" r:id="rId73" name="Check Box 70">
              <controlPr defaultSize="0" autoFill="0" autoLine="0" autoPict="0">
                <anchor moveWithCells="1">
                  <from>
                    <xdr:col>1</xdr:col>
                    <xdr:colOff>160020</xdr:colOff>
                    <xdr:row>58</xdr:row>
                    <xdr:rowOff>0</xdr:rowOff>
                  </from>
                  <to>
                    <xdr:col>1</xdr:col>
                    <xdr:colOff>411480</xdr:colOff>
                    <xdr:row>58</xdr:row>
                    <xdr:rowOff>236220</xdr:rowOff>
                  </to>
                </anchor>
              </controlPr>
            </control>
          </mc:Choice>
        </mc:AlternateContent>
        <mc:AlternateContent xmlns:mc="http://schemas.openxmlformats.org/markup-compatibility/2006">
          <mc:Choice Requires="x14">
            <control shapeId="6215" r:id="rId74" name="Check Box 71">
              <controlPr defaultSize="0" autoFill="0" autoLine="0" autoPict="0">
                <anchor moveWithCells="1">
                  <from>
                    <xdr:col>1</xdr:col>
                    <xdr:colOff>160020</xdr:colOff>
                    <xdr:row>60</xdr:row>
                    <xdr:rowOff>0</xdr:rowOff>
                  </from>
                  <to>
                    <xdr:col>1</xdr:col>
                    <xdr:colOff>411480</xdr:colOff>
                    <xdr:row>60</xdr:row>
                    <xdr:rowOff>236220</xdr:rowOff>
                  </to>
                </anchor>
              </controlPr>
            </control>
          </mc:Choice>
        </mc:AlternateContent>
        <mc:AlternateContent xmlns:mc="http://schemas.openxmlformats.org/markup-compatibility/2006">
          <mc:Choice Requires="x14">
            <control shapeId="6216" r:id="rId75" name="Check Box 72">
              <controlPr defaultSize="0" autoFill="0" autoLine="0" autoPict="0">
                <anchor moveWithCells="1">
                  <from>
                    <xdr:col>1</xdr:col>
                    <xdr:colOff>160020</xdr:colOff>
                    <xdr:row>60</xdr:row>
                    <xdr:rowOff>0</xdr:rowOff>
                  </from>
                  <to>
                    <xdr:col>1</xdr:col>
                    <xdr:colOff>411480</xdr:colOff>
                    <xdr:row>60</xdr:row>
                    <xdr:rowOff>236220</xdr:rowOff>
                  </to>
                </anchor>
              </controlPr>
            </control>
          </mc:Choice>
        </mc:AlternateContent>
        <mc:AlternateContent xmlns:mc="http://schemas.openxmlformats.org/markup-compatibility/2006">
          <mc:Choice Requires="x14">
            <control shapeId="6217" r:id="rId76" name="Check Box 73">
              <controlPr defaultSize="0" autoFill="0" autoLine="0" autoPict="0">
                <anchor moveWithCells="1">
                  <from>
                    <xdr:col>3</xdr:col>
                    <xdr:colOff>160020</xdr:colOff>
                    <xdr:row>57</xdr:row>
                    <xdr:rowOff>0</xdr:rowOff>
                  </from>
                  <to>
                    <xdr:col>3</xdr:col>
                    <xdr:colOff>411480</xdr:colOff>
                    <xdr:row>57</xdr:row>
                    <xdr:rowOff>236220</xdr:rowOff>
                  </to>
                </anchor>
              </controlPr>
            </control>
          </mc:Choice>
        </mc:AlternateContent>
        <mc:AlternateContent xmlns:mc="http://schemas.openxmlformats.org/markup-compatibility/2006">
          <mc:Choice Requires="x14">
            <control shapeId="6218" r:id="rId77" name="Check Box 74">
              <controlPr defaultSize="0" autoFill="0" autoLine="0" autoPict="0">
                <anchor moveWithCells="1">
                  <from>
                    <xdr:col>3</xdr:col>
                    <xdr:colOff>160020</xdr:colOff>
                    <xdr:row>58</xdr:row>
                    <xdr:rowOff>0</xdr:rowOff>
                  </from>
                  <to>
                    <xdr:col>3</xdr:col>
                    <xdr:colOff>411480</xdr:colOff>
                    <xdr:row>58</xdr:row>
                    <xdr:rowOff>236220</xdr:rowOff>
                  </to>
                </anchor>
              </controlPr>
            </control>
          </mc:Choice>
        </mc:AlternateContent>
        <mc:AlternateContent xmlns:mc="http://schemas.openxmlformats.org/markup-compatibility/2006">
          <mc:Choice Requires="x14">
            <control shapeId="6219" r:id="rId78" name="Check Box 75">
              <controlPr defaultSize="0" autoFill="0" autoLine="0" autoPict="0">
                <anchor moveWithCells="1">
                  <from>
                    <xdr:col>3</xdr:col>
                    <xdr:colOff>160020</xdr:colOff>
                    <xdr:row>60</xdr:row>
                    <xdr:rowOff>0</xdr:rowOff>
                  </from>
                  <to>
                    <xdr:col>3</xdr:col>
                    <xdr:colOff>411480</xdr:colOff>
                    <xdr:row>60</xdr:row>
                    <xdr:rowOff>236220</xdr:rowOff>
                  </to>
                </anchor>
              </controlPr>
            </control>
          </mc:Choice>
        </mc:AlternateContent>
        <mc:AlternateContent xmlns:mc="http://schemas.openxmlformats.org/markup-compatibility/2006">
          <mc:Choice Requires="x14">
            <control shapeId="6220" r:id="rId79" name="Check Box 76">
              <controlPr defaultSize="0" autoFill="0" autoLine="0" autoPict="0">
                <anchor moveWithCells="1">
                  <from>
                    <xdr:col>3</xdr:col>
                    <xdr:colOff>160020</xdr:colOff>
                    <xdr:row>60</xdr:row>
                    <xdr:rowOff>0</xdr:rowOff>
                  </from>
                  <to>
                    <xdr:col>3</xdr:col>
                    <xdr:colOff>411480</xdr:colOff>
                    <xdr:row>60</xdr:row>
                    <xdr:rowOff>236220</xdr:rowOff>
                  </to>
                </anchor>
              </controlPr>
            </control>
          </mc:Choice>
        </mc:AlternateContent>
        <mc:AlternateContent xmlns:mc="http://schemas.openxmlformats.org/markup-compatibility/2006">
          <mc:Choice Requires="x14">
            <control shapeId="6221" r:id="rId80" name="Check Box 77">
              <controlPr defaultSize="0" autoFill="0" autoLine="0" autoPict="0">
                <anchor moveWithCells="1">
                  <from>
                    <xdr:col>1</xdr:col>
                    <xdr:colOff>160020</xdr:colOff>
                    <xdr:row>60</xdr:row>
                    <xdr:rowOff>0</xdr:rowOff>
                  </from>
                  <to>
                    <xdr:col>1</xdr:col>
                    <xdr:colOff>411480</xdr:colOff>
                    <xdr:row>60</xdr:row>
                    <xdr:rowOff>236220</xdr:rowOff>
                  </to>
                </anchor>
              </controlPr>
            </control>
          </mc:Choice>
        </mc:AlternateContent>
        <mc:AlternateContent xmlns:mc="http://schemas.openxmlformats.org/markup-compatibility/2006">
          <mc:Choice Requires="x14">
            <control shapeId="6222" r:id="rId81" name="Check Box 78">
              <controlPr defaultSize="0" autoFill="0" autoLine="0" autoPict="0">
                <anchor moveWithCells="1">
                  <from>
                    <xdr:col>3</xdr:col>
                    <xdr:colOff>160020</xdr:colOff>
                    <xdr:row>60</xdr:row>
                    <xdr:rowOff>0</xdr:rowOff>
                  </from>
                  <to>
                    <xdr:col>3</xdr:col>
                    <xdr:colOff>411480</xdr:colOff>
                    <xdr:row>60</xdr:row>
                    <xdr:rowOff>236220</xdr:rowOff>
                  </to>
                </anchor>
              </controlPr>
            </control>
          </mc:Choice>
        </mc:AlternateContent>
        <mc:AlternateContent xmlns:mc="http://schemas.openxmlformats.org/markup-compatibility/2006">
          <mc:Choice Requires="x14">
            <control shapeId="6223" r:id="rId82" name="Check Box 79">
              <controlPr defaultSize="0" autoFill="0" autoLine="0" autoPict="0">
                <anchor moveWithCells="1">
                  <from>
                    <xdr:col>1</xdr:col>
                    <xdr:colOff>160020</xdr:colOff>
                    <xdr:row>65</xdr:row>
                    <xdr:rowOff>0</xdr:rowOff>
                  </from>
                  <to>
                    <xdr:col>1</xdr:col>
                    <xdr:colOff>411480</xdr:colOff>
                    <xdr:row>65</xdr:row>
                    <xdr:rowOff>236220</xdr:rowOff>
                  </to>
                </anchor>
              </controlPr>
            </control>
          </mc:Choice>
        </mc:AlternateContent>
        <mc:AlternateContent xmlns:mc="http://schemas.openxmlformats.org/markup-compatibility/2006">
          <mc:Choice Requires="x14">
            <control shapeId="6224" r:id="rId83" name="Check Box 80">
              <controlPr defaultSize="0" autoFill="0" autoLine="0" autoPict="0">
                <anchor moveWithCells="1">
                  <from>
                    <xdr:col>1</xdr:col>
                    <xdr:colOff>152400</xdr:colOff>
                    <xdr:row>66</xdr:row>
                    <xdr:rowOff>99060</xdr:rowOff>
                  </from>
                  <to>
                    <xdr:col>1</xdr:col>
                    <xdr:colOff>403860</xdr:colOff>
                    <xdr:row>66</xdr:row>
                    <xdr:rowOff>335280</xdr:rowOff>
                  </to>
                </anchor>
              </controlPr>
            </control>
          </mc:Choice>
        </mc:AlternateContent>
        <mc:AlternateContent xmlns:mc="http://schemas.openxmlformats.org/markup-compatibility/2006">
          <mc:Choice Requires="x14">
            <control shapeId="6225" r:id="rId84" name="Check Box 81">
              <controlPr defaultSize="0" autoFill="0" autoLine="0" autoPict="0">
                <anchor moveWithCells="1">
                  <from>
                    <xdr:col>3</xdr:col>
                    <xdr:colOff>160020</xdr:colOff>
                    <xdr:row>65</xdr:row>
                    <xdr:rowOff>22860</xdr:rowOff>
                  </from>
                  <to>
                    <xdr:col>3</xdr:col>
                    <xdr:colOff>403860</xdr:colOff>
                    <xdr:row>66</xdr:row>
                    <xdr:rowOff>22860</xdr:rowOff>
                  </to>
                </anchor>
              </controlPr>
            </control>
          </mc:Choice>
        </mc:AlternateContent>
        <mc:AlternateContent xmlns:mc="http://schemas.openxmlformats.org/markup-compatibility/2006">
          <mc:Choice Requires="x14">
            <control shapeId="6226" r:id="rId85" name="Check Box 82">
              <controlPr defaultSize="0" autoFill="0" autoLine="0" autoPict="0">
                <anchor moveWithCells="1">
                  <from>
                    <xdr:col>3</xdr:col>
                    <xdr:colOff>160020</xdr:colOff>
                    <xdr:row>52</xdr:row>
                    <xdr:rowOff>0</xdr:rowOff>
                  </from>
                  <to>
                    <xdr:col>3</xdr:col>
                    <xdr:colOff>411480</xdr:colOff>
                    <xdr:row>52</xdr:row>
                    <xdr:rowOff>236220</xdr:rowOff>
                  </to>
                </anchor>
              </controlPr>
            </control>
          </mc:Choice>
        </mc:AlternateContent>
        <mc:AlternateContent xmlns:mc="http://schemas.openxmlformats.org/markup-compatibility/2006">
          <mc:Choice Requires="x14">
            <control shapeId="6227" r:id="rId86" name="Check Box 83">
              <controlPr defaultSize="0" autoFill="0" autoLine="0" autoPict="0">
                <anchor moveWithCells="1">
                  <from>
                    <xdr:col>1</xdr:col>
                    <xdr:colOff>160020</xdr:colOff>
                    <xdr:row>52</xdr:row>
                    <xdr:rowOff>0</xdr:rowOff>
                  </from>
                  <to>
                    <xdr:col>1</xdr:col>
                    <xdr:colOff>411480</xdr:colOff>
                    <xdr:row>52</xdr:row>
                    <xdr:rowOff>236220</xdr:rowOff>
                  </to>
                </anchor>
              </controlPr>
            </control>
          </mc:Choice>
        </mc:AlternateContent>
        <mc:AlternateContent xmlns:mc="http://schemas.openxmlformats.org/markup-compatibility/2006">
          <mc:Choice Requires="x14">
            <control shapeId="6228" r:id="rId87" name="Check Box 84">
              <controlPr defaultSize="0" autoFill="0" autoLine="0" autoPict="0">
                <anchor moveWithCells="1">
                  <from>
                    <xdr:col>1</xdr:col>
                    <xdr:colOff>160020</xdr:colOff>
                    <xdr:row>59</xdr:row>
                    <xdr:rowOff>0</xdr:rowOff>
                  </from>
                  <to>
                    <xdr:col>1</xdr:col>
                    <xdr:colOff>411480</xdr:colOff>
                    <xdr:row>59</xdr:row>
                    <xdr:rowOff>236220</xdr:rowOff>
                  </to>
                </anchor>
              </controlPr>
            </control>
          </mc:Choice>
        </mc:AlternateContent>
        <mc:AlternateContent xmlns:mc="http://schemas.openxmlformats.org/markup-compatibility/2006">
          <mc:Choice Requires="x14">
            <control shapeId="6229" r:id="rId88" name="Check Box 85">
              <controlPr defaultSize="0" autoFill="0" autoLine="0" autoPict="0">
                <anchor moveWithCells="1">
                  <from>
                    <xdr:col>3</xdr:col>
                    <xdr:colOff>160020</xdr:colOff>
                    <xdr:row>59</xdr:row>
                    <xdr:rowOff>0</xdr:rowOff>
                  </from>
                  <to>
                    <xdr:col>3</xdr:col>
                    <xdr:colOff>411480</xdr:colOff>
                    <xdr:row>59</xdr:row>
                    <xdr:rowOff>236220</xdr:rowOff>
                  </to>
                </anchor>
              </controlPr>
            </control>
          </mc:Choice>
        </mc:AlternateContent>
        <mc:AlternateContent xmlns:mc="http://schemas.openxmlformats.org/markup-compatibility/2006">
          <mc:Choice Requires="x14">
            <control shapeId="6230" r:id="rId89" name="Check Box 86">
              <controlPr defaultSize="0" autoFill="0" autoLine="0" autoPict="0">
                <anchor moveWithCells="1">
                  <from>
                    <xdr:col>1</xdr:col>
                    <xdr:colOff>144780</xdr:colOff>
                    <xdr:row>64</xdr:row>
                    <xdr:rowOff>0</xdr:rowOff>
                  </from>
                  <to>
                    <xdr:col>1</xdr:col>
                    <xdr:colOff>365760</xdr:colOff>
                    <xdr:row>64</xdr:row>
                    <xdr:rowOff>236220</xdr:rowOff>
                  </to>
                </anchor>
              </controlPr>
            </control>
          </mc:Choice>
        </mc:AlternateContent>
        <mc:AlternateContent xmlns:mc="http://schemas.openxmlformats.org/markup-compatibility/2006">
          <mc:Choice Requires="x14">
            <control shapeId="6231" r:id="rId90" name="Check Box 87">
              <controlPr defaultSize="0" autoFill="0" autoLine="0" autoPict="0">
                <anchor moveWithCells="1">
                  <from>
                    <xdr:col>3</xdr:col>
                    <xdr:colOff>144780</xdr:colOff>
                    <xdr:row>64</xdr:row>
                    <xdr:rowOff>22860</xdr:rowOff>
                  </from>
                  <to>
                    <xdr:col>3</xdr:col>
                    <xdr:colOff>365760</xdr:colOff>
                    <xdr:row>65</xdr:row>
                    <xdr:rowOff>762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pageSetUpPr fitToPage="1"/>
  </sheetPr>
  <dimension ref="A1:N59"/>
  <sheetViews>
    <sheetView view="pageBreakPreview" topLeftCell="A20" zoomScaleNormal="100" zoomScaleSheetLayoutView="100" workbookViewId="0">
      <selection activeCell="C25" sqref="C25:C26"/>
    </sheetView>
  </sheetViews>
  <sheetFormatPr defaultRowHeight="13.2"/>
  <cols>
    <col min="1" max="1" width="10.21875" style="74" customWidth="1"/>
    <col min="2" max="4" width="9" style="74" customWidth="1"/>
    <col min="5" max="5" width="1.77734375" style="74" customWidth="1"/>
    <col min="6" max="8" width="9" style="74" customWidth="1"/>
    <col min="9" max="9" width="12.21875" style="74" customWidth="1"/>
    <col min="10" max="256" width="9" style="74"/>
    <col min="257" max="257" width="10.21875" style="74" customWidth="1"/>
    <col min="258" max="260" width="9" style="74" customWidth="1"/>
    <col min="261" max="261" width="1.77734375" style="74" customWidth="1"/>
    <col min="262" max="264" width="9" style="74" customWidth="1"/>
    <col min="265" max="265" width="12.21875" style="74" customWidth="1"/>
    <col min="266" max="512" width="9" style="74"/>
    <col min="513" max="513" width="10.21875" style="74" customWidth="1"/>
    <col min="514" max="516" width="9" style="74" customWidth="1"/>
    <col min="517" max="517" width="1.77734375" style="74" customWidth="1"/>
    <col min="518" max="520" width="9" style="74" customWidth="1"/>
    <col min="521" max="521" width="12.21875" style="74" customWidth="1"/>
    <col min="522" max="768" width="9" style="74"/>
    <col min="769" max="769" width="10.21875" style="74" customWidth="1"/>
    <col min="770" max="772" width="9" style="74" customWidth="1"/>
    <col min="773" max="773" width="1.77734375" style="74" customWidth="1"/>
    <col min="774" max="776" width="9" style="74" customWidth="1"/>
    <col min="777" max="777" width="12.21875" style="74" customWidth="1"/>
    <col min="778" max="1024" width="9" style="74"/>
    <col min="1025" max="1025" width="10.21875" style="74" customWidth="1"/>
    <col min="1026" max="1028" width="9" style="74" customWidth="1"/>
    <col min="1029" max="1029" width="1.77734375" style="74" customWidth="1"/>
    <col min="1030" max="1032" width="9" style="74" customWidth="1"/>
    <col min="1033" max="1033" width="12.21875" style="74" customWidth="1"/>
    <col min="1034" max="1280" width="9" style="74"/>
    <col min="1281" max="1281" width="10.21875" style="74" customWidth="1"/>
    <col min="1282" max="1284" width="9" style="74" customWidth="1"/>
    <col min="1285" max="1285" width="1.77734375" style="74" customWidth="1"/>
    <col min="1286" max="1288" width="9" style="74" customWidth="1"/>
    <col min="1289" max="1289" width="12.21875" style="74" customWidth="1"/>
    <col min="1290" max="1536" width="9" style="74"/>
    <col min="1537" max="1537" width="10.21875" style="74" customWidth="1"/>
    <col min="1538" max="1540" width="9" style="74" customWidth="1"/>
    <col min="1541" max="1541" width="1.77734375" style="74" customWidth="1"/>
    <col min="1542" max="1544" width="9" style="74" customWidth="1"/>
    <col min="1545" max="1545" width="12.21875" style="74" customWidth="1"/>
    <col min="1546" max="1792" width="9" style="74"/>
    <col min="1793" max="1793" width="10.21875" style="74" customWidth="1"/>
    <col min="1794" max="1796" width="9" style="74" customWidth="1"/>
    <col min="1797" max="1797" width="1.77734375" style="74" customWidth="1"/>
    <col min="1798" max="1800" width="9" style="74" customWidth="1"/>
    <col min="1801" max="1801" width="12.21875" style="74" customWidth="1"/>
    <col min="1802" max="2048" width="9" style="74"/>
    <col min="2049" max="2049" width="10.21875" style="74" customWidth="1"/>
    <col min="2050" max="2052" width="9" style="74" customWidth="1"/>
    <col min="2053" max="2053" width="1.77734375" style="74" customWidth="1"/>
    <col min="2054" max="2056" width="9" style="74" customWidth="1"/>
    <col min="2057" max="2057" width="12.21875" style="74" customWidth="1"/>
    <col min="2058" max="2304" width="9" style="74"/>
    <col min="2305" max="2305" width="10.21875" style="74" customWidth="1"/>
    <col min="2306" max="2308" width="9" style="74" customWidth="1"/>
    <col min="2309" max="2309" width="1.77734375" style="74" customWidth="1"/>
    <col min="2310" max="2312" width="9" style="74" customWidth="1"/>
    <col min="2313" max="2313" width="12.21875" style="74" customWidth="1"/>
    <col min="2314" max="2560" width="9" style="74"/>
    <col min="2561" max="2561" width="10.21875" style="74" customWidth="1"/>
    <col min="2562" max="2564" width="9" style="74" customWidth="1"/>
    <col min="2565" max="2565" width="1.77734375" style="74" customWidth="1"/>
    <col min="2566" max="2568" width="9" style="74" customWidth="1"/>
    <col min="2569" max="2569" width="12.21875" style="74" customWidth="1"/>
    <col min="2570" max="2816" width="9" style="74"/>
    <col min="2817" max="2817" width="10.21875" style="74" customWidth="1"/>
    <col min="2818" max="2820" width="9" style="74" customWidth="1"/>
    <col min="2821" max="2821" width="1.77734375" style="74" customWidth="1"/>
    <col min="2822" max="2824" width="9" style="74" customWidth="1"/>
    <col min="2825" max="2825" width="12.21875" style="74" customWidth="1"/>
    <col min="2826" max="3072" width="9" style="74"/>
    <col min="3073" max="3073" width="10.21875" style="74" customWidth="1"/>
    <col min="3074" max="3076" width="9" style="74" customWidth="1"/>
    <col min="3077" max="3077" width="1.77734375" style="74" customWidth="1"/>
    <col min="3078" max="3080" width="9" style="74" customWidth="1"/>
    <col min="3081" max="3081" width="12.21875" style="74" customWidth="1"/>
    <col min="3082" max="3328" width="9" style="74"/>
    <col min="3329" max="3329" width="10.21875" style="74" customWidth="1"/>
    <col min="3330" max="3332" width="9" style="74" customWidth="1"/>
    <col min="3333" max="3333" width="1.77734375" style="74" customWidth="1"/>
    <col min="3334" max="3336" width="9" style="74" customWidth="1"/>
    <col min="3337" max="3337" width="12.21875" style="74" customWidth="1"/>
    <col min="3338" max="3584" width="9" style="74"/>
    <col min="3585" max="3585" width="10.21875" style="74" customWidth="1"/>
    <col min="3586" max="3588" width="9" style="74" customWidth="1"/>
    <col min="3589" max="3589" width="1.77734375" style="74" customWidth="1"/>
    <col min="3590" max="3592" width="9" style="74" customWidth="1"/>
    <col min="3593" max="3593" width="12.21875" style="74" customWidth="1"/>
    <col min="3594" max="3840" width="9" style="74"/>
    <col min="3841" max="3841" width="10.21875" style="74" customWidth="1"/>
    <col min="3842" max="3844" width="9" style="74" customWidth="1"/>
    <col min="3845" max="3845" width="1.77734375" style="74" customWidth="1"/>
    <col min="3846" max="3848" width="9" style="74" customWidth="1"/>
    <col min="3849" max="3849" width="12.21875" style="74" customWidth="1"/>
    <col min="3850" max="4096" width="9" style="74"/>
    <col min="4097" max="4097" width="10.21875" style="74" customWidth="1"/>
    <col min="4098" max="4100" width="9" style="74" customWidth="1"/>
    <col min="4101" max="4101" width="1.77734375" style="74" customWidth="1"/>
    <col min="4102" max="4104" width="9" style="74" customWidth="1"/>
    <col min="4105" max="4105" width="12.21875" style="74" customWidth="1"/>
    <col min="4106" max="4352" width="9" style="74"/>
    <col min="4353" max="4353" width="10.21875" style="74" customWidth="1"/>
    <col min="4354" max="4356" width="9" style="74" customWidth="1"/>
    <col min="4357" max="4357" width="1.77734375" style="74" customWidth="1"/>
    <col min="4358" max="4360" width="9" style="74" customWidth="1"/>
    <col min="4361" max="4361" width="12.21875" style="74" customWidth="1"/>
    <col min="4362" max="4608" width="9" style="74"/>
    <col min="4609" max="4609" width="10.21875" style="74" customWidth="1"/>
    <col min="4610" max="4612" width="9" style="74" customWidth="1"/>
    <col min="4613" max="4613" width="1.77734375" style="74" customWidth="1"/>
    <col min="4614" max="4616" width="9" style="74" customWidth="1"/>
    <col min="4617" max="4617" width="12.21875" style="74" customWidth="1"/>
    <col min="4618" max="4864" width="9" style="74"/>
    <col min="4865" max="4865" width="10.21875" style="74" customWidth="1"/>
    <col min="4866" max="4868" width="9" style="74" customWidth="1"/>
    <col min="4869" max="4869" width="1.77734375" style="74" customWidth="1"/>
    <col min="4870" max="4872" width="9" style="74" customWidth="1"/>
    <col min="4873" max="4873" width="12.21875" style="74" customWidth="1"/>
    <col min="4874" max="5120" width="9" style="74"/>
    <col min="5121" max="5121" width="10.21875" style="74" customWidth="1"/>
    <col min="5122" max="5124" width="9" style="74" customWidth="1"/>
    <col min="5125" max="5125" width="1.77734375" style="74" customWidth="1"/>
    <col min="5126" max="5128" width="9" style="74" customWidth="1"/>
    <col min="5129" max="5129" width="12.21875" style="74" customWidth="1"/>
    <col min="5130" max="5376" width="9" style="74"/>
    <col min="5377" max="5377" width="10.21875" style="74" customWidth="1"/>
    <col min="5378" max="5380" width="9" style="74" customWidth="1"/>
    <col min="5381" max="5381" width="1.77734375" style="74" customWidth="1"/>
    <col min="5382" max="5384" width="9" style="74" customWidth="1"/>
    <col min="5385" max="5385" width="12.21875" style="74" customWidth="1"/>
    <col min="5386" max="5632" width="9" style="74"/>
    <col min="5633" max="5633" width="10.21875" style="74" customWidth="1"/>
    <col min="5634" max="5636" width="9" style="74" customWidth="1"/>
    <col min="5637" max="5637" width="1.77734375" style="74" customWidth="1"/>
    <col min="5638" max="5640" width="9" style="74" customWidth="1"/>
    <col min="5641" max="5641" width="12.21875" style="74" customWidth="1"/>
    <col min="5642" max="5888" width="9" style="74"/>
    <col min="5889" max="5889" width="10.21875" style="74" customWidth="1"/>
    <col min="5890" max="5892" width="9" style="74" customWidth="1"/>
    <col min="5893" max="5893" width="1.77734375" style="74" customWidth="1"/>
    <col min="5894" max="5896" width="9" style="74" customWidth="1"/>
    <col min="5897" max="5897" width="12.21875" style="74" customWidth="1"/>
    <col min="5898" max="6144" width="9" style="74"/>
    <col min="6145" max="6145" width="10.21875" style="74" customWidth="1"/>
    <col min="6146" max="6148" width="9" style="74" customWidth="1"/>
    <col min="6149" max="6149" width="1.77734375" style="74" customWidth="1"/>
    <col min="6150" max="6152" width="9" style="74" customWidth="1"/>
    <col min="6153" max="6153" width="12.21875" style="74" customWidth="1"/>
    <col min="6154" max="6400" width="9" style="74"/>
    <col min="6401" max="6401" width="10.21875" style="74" customWidth="1"/>
    <col min="6402" max="6404" width="9" style="74" customWidth="1"/>
    <col min="6405" max="6405" width="1.77734375" style="74" customWidth="1"/>
    <col min="6406" max="6408" width="9" style="74" customWidth="1"/>
    <col min="6409" max="6409" width="12.21875" style="74" customWidth="1"/>
    <col min="6410" max="6656" width="9" style="74"/>
    <col min="6657" max="6657" width="10.21875" style="74" customWidth="1"/>
    <col min="6658" max="6660" width="9" style="74" customWidth="1"/>
    <col min="6661" max="6661" width="1.77734375" style="74" customWidth="1"/>
    <col min="6662" max="6664" width="9" style="74" customWidth="1"/>
    <col min="6665" max="6665" width="12.21875" style="74" customWidth="1"/>
    <col min="6666" max="6912" width="9" style="74"/>
    <col min="6913" max="6913" width="10.21875" style="74" customWidth="1"/>
    <col min="6914" max="6916" width="9" style="74" customWidth="1"/>
    <col min="6917" max="6917" width="1.77734375" style="74" customWidth="1"/>
    <col min="6918" max="6920" width="9" style="74" customWidth="1"/>
    <col min="6921" max="6921" width="12.21875" style="74" customWidth="1"/>
    <col min="6922" max="7168" width="9" style="74"/>
    <col min="7169" max="7169" width="10.21875" style="74" customWidth="1"/>
    <col min="7170" max="7172" width="9" style="74" customWidth="1"/>
    <col min="7173" max="7173" width="1.77734375" style="74" customWidth="1"/>
    <col min="7174" max="7176" width="9" style="74" customWidth="1"/>
    <col min="7177" max="7177" width="12.21875" style="74" customWidth="1"/>
    <col min="7178" max="7424" width="9" style="74"/>
    <col min="7425" max="7425" width="10.21875" style="74" customWidth="1"/>
    <col min="7426" max="7428" width="9" style="74" customWidth="1"/>
    <col min="7429" max="7429" width="1.77734375" style="74" customWidth="1"/>
    <col min="7430" max="7432" width="9" style="74" customWidth="1"/>
    <col min="7433" max="7433" width="12.21875" style="74" customWidth="1"/>
    <col min="7434" max="7680" width="9" style="74"/>
    <col min="7681" max="7681" width="10.21875" style="74" customWidth="1"/>
    <col min="7682" max="7684" width="9" style="74" customWidth="1"/>
    <col min="7685" max="7685" width="1.77734375" style="74" customWidth="1"/>
    <col min="7686" max="7688" width="9" style="74" customWidth="1"/>
    <col min="7689" max="7689" width="12.21875" style="74" customWidth="1"/>
    <col min="7690" max="7936" width="9" style="74"/>
    <col min="7937" max="7937" width="10.21875" style="74" customWidth="1"/>
    <col min="7938" max="7940" width="9" style="74" customWidth="1"/>
    <col min="7941" max="7941" width="1.77734375" style="74" customWidth="1"/>
    <col min="7942" max="7944" width="9" style="74" customWidth="1"/>
    <col min="7945" max="7945" width="12.21875" style="74" customWidth="1"/>
    <col min="7946" max="8192" width="9" style="74"/>
    <col min="8193" max="8193" width="10.21875" style="74" customWidth="1"/>
    <col min="8194" max="8196" width="9" style="74" customWidth="1"/>
    <col min="8197" max="8197" width="1.77734375" style="74" customWidth="1"/>
    <col min="8198" max="8200" width="9" style="74" customWidth="1"/>
    <col min="8201" max="8201" width="12.21875" style="74" customWidth="1"/>
    <col min="8202" max="8448" width="9" style="74"/>
    <col min="8449" max="8449" width="10.21875" style="74" customWidth="1"/>
    <col min="8450" max="8452" width="9" style="74" customWidth="1"/>
    <col min="8453" max="8453" width="1.77734375" style="74" customWidth="1"/>
    <col min="8454" max="8456" width="9" style="74" customWidth="1"/>
    <col min="8457" max="8457" width="12.21875" style="74" customWidth="1"/>
    <col min="8458" max="8704" width="9" style="74"/>
    <col min="8705" max="8705" width="10.21875" style="74" customWidth="1"/>
    <col min="8706" max="8708" width="9" style="74" customWidth="1"/>
    <col min="8709" max="8709" width="1.77734375" style="74" customWidth="1"/>
    <col min="8710" max="8712" width="9" style="74" customWidth="1"/>
    <col min="8713" max="8713" width="12.21875" style="74" customWidth="1"/>
    <col min="8714" max="8960" width="9" style="74"/>
    <col min="8961" max="8961" width="10.21875" style="74" customWidth="1"/>
    <col min="8962" max="8964" width="9" style="74" customWidth="1"/>
    <col min="8965" max="8965" width="1.77734375" style="74" customWidth="1"/>
    <col min="8966" max="8968" width="9" style="74" customWidth="1"/>
    <col min="8969" max="8969" width="12.21875" style="74" customWidth="1"/>
    <col min="8970" max="9216" width="9" style="74"/>
    <col min="9217" max="9217" width="10.21875" style="74" customWidth="1"/>
    <col min="9218" max="9220" width="9" style="74" customWidth="1"/>
    <col min="9221" max="9221" width="1.77734375" style="74" customWidth="1"/>
    <col min="9222" max="9224" width="9" style="74" customWidth="1"/>
    <col min="9225" max="9225" width="12.21875" style="74" customWidth="1"/>
    <col min="9226" max="9472" width="9" style="74"/>
    <col min="9473" max="9473" width="10.21875" style="74" customWidth="1"/>
    <col min="9474" max="9476" width="9" style="74" customWidth="1"/>
    <col min="9477" max="9477" width="1.77734375" style="74" customWidth="1"/>
    <col min="9478" max="9480" width="9" style="74" customWidth="1"/>
    <col min="9481" max="9481" width="12.21875" style="74" customWidth="1"/>
    <col min="9482" max="9728" width="9" style="74"/>
    <col min="9729" max="9729" width="10.21875" style="74" customWidth="1"/>
    <col min="9730" max="9732" width="9" style="74" customWidth="1"/>
    <col min="9733" max="9733" width="1.77734375" style="74" customWidth="1"/>
    <col min="9734" max="9736" width="9" style="74" customWidth="1"/>
    <col min="9737" max="9737" width="12.21875" style="74" customWidth="1"/>
    <col min="9738" max="9984" width="9" style="74"/>
    <col min="9985" max="9985" width="10.21875" style="74" customWidth="1"/>
    <col min="9986" max="9988" width="9" style="74" customWidth="1"/>
    <col min="9989" max="9989" width="1.77734375" style="74" customWidth="1"/>
    <col min="9990" max="9992" width="9" style="74" customWidth="1"/>
    <col min="9993" max="9993" width="12.21875" style="74" customWidth="1"/>
    <col min="9994" max="10240" width="9" style="74"/>
    <col min="10241" max="10241" width="10.21875" style="74" customWidth="1"/>
    <col min="10242" max="10244" width="9" style="74" customWidth="1"/>
    <col min="10245" max="10245" width="1.77734375" style="74" customWidth="1"/>
    <col min="10246" max="10248" width="9" style="74" customWidth="1"/>
    <col min="10249" max="10249" width="12.21875" style="74" customWidth="1"/>
    <col min="10250" max="10496" width="9" style="74"/>
    <col min="10497" max="10497" width="10.21875" style="74" customWidth="1"/>
    <col min="10498" max="10500" width="9" style="74" customWidth="1"/>
    <col min="10501" max="10501" width="1.77734375" style="74" customWidth="1"/>
    <col min="10502" max="10504" width="9" style="74" customWidth="1"/>
    <col min="10505" max="10505" width="12.21875" style="74" customWidth="1"/>
    <col min="10506" max="10752" width="9" style="74"/>
    <col min="10753" max="10753" width="10.21875" style="74" customWidth="1"/>
    <col min="10754" max="10756" width="9" style="74" customWidth="1"/>
    <col min="10757" max="10757" width="1.77734375" style="74" customWidth="1"/>
    <col min="10758" max="10760" width="9" style="74" customWidth="1"/>
    <col min="10761" max="10761" width="12.21875" style="74" customWidth="1"/>
    <col min="10762" max="11008" width="9" style="74"/>
    <col min="11009" max="11009" width="10.21875" style="74" customWidth="1"/>
    <col min="11010" max="11012" width="9" style="74" customWidth="1"/>
    <col min="11013" max="11013" width="1.77734375" style="74" customWidth="1"/>
    <col min="11014" max="11016" width="9" style="74" customWidth="1"/>
    <col min="11017" max="11017" width="12.21875" style="74" customWidth="1"/>
    <col min="11018" max="11264" width="9" style="74"/>
    <col min="11265" max="11265" width="10.21875" style="74" customWidth="1"/>
    <col min="11266" max="11268" width="9" style="74" customWidth="1"/>
    <col min="11269" max="11269" width="1.77734375" style="74" customWidth="1"/>
    <col min="11270" max="11272" width="9" style="74" customWidth="1"/>
    <col min="11273" max="11273" width="12.21875" style="74" customWidth="1"/>
    <col min="11274" max="11520" width="9" style="74"/>
    <col min="11521" max="11521" width="10.21875" style="74" customWidth="1"/>
    <col min="11522" max="11524" width="9" style="74" customWidth="1"/>
    <col min="11525" max="11525" width="1.77734375" style="74" customWidth="1"/>
    <col min="11526" max="11528" width="9" style="74" customWidth="1"/>
    <col min="11529" max="11529" width="12.21875" style="74" customWidth="1"/>
    <col min="11530" max="11776" width="9" style="74"/>
    <col min="11777" max="11777" width="10.21875" style="74" customWidth="1"/>
    <col min="11778" max="11780" width="9" style="74" customWidth="1"/>
    <col min="11781" max="11781" width="1.77734375" style="74" customWidth="1"/>
    <col min="11782" max="11784" width="9" style="74" customWidth="1"/>
    <col min="11785" max="11785" width="12.21875" style="74" customWidth="1"/>
    <col min="11786" max="12032" width="9" style="74"/>
    <col min="12033" max="12033" width="10.21875" style="74" customWidth="1"/>
    <col min="12034" max="12036" width="9" style="74" customWidth="1"/>
    <col min="12037" max="12037" width="1.77734375" style="74" customWidth="1"/>
    <col min="12038" max="12040" width="9" style="74" customWidth="1"/>
    <col min="12041" max="12041" width="12.21875" style="74" customWidth="1"/>
    <col min="12042" max="12288" width="9" style="74"/>
    <col min="12289" max="12289" width="10.21875" style="74" customWidth="1"/>
    <col min="12290" max="12292" width="9" style="74" customWidth="1"/>
    <col min="12293" max="12293" width="1.77734375" style="74" customWidth="1"/>
    <col min="12294" max="12296" width="9" style="74" customWidth="1"/>
    <col min="12297" max="12297" width="12.21875" style="74" customWidth="1"/>
    <col min="12298" max="12544" width="9" style="74"/>
    <col min="12545" max="12545" width="10.21875" style="74" customWidth="1"/>
    <col min="12546" max="12548" width="9" style="74" customWidth="1"/>
    <col min="12549" max="12549" width="1.77734375" style="74" customWidth="1"/>
    <col min="12550" max="12552" width="9" style="74" customWidth="1"/>
    <col min="12553" max="12553" width="12.21875" style="74" customWidth="1"/>
    <col min="12554" max="12800" width="9" style="74"/>
    <col min="12801" max="12801" width="10.21875" style="74" customWidth="1"/>
    <col min="12802" max="12804" width="9" style="74" customWidth="1"/>
    <col min="12805" max="12805" width="1.77734375" style="74" customWidth="1"/>
    <col min="12806" max="12808" width="9" style="74" customWidth="1"/>
    <col min="12809" max="12809" width="12.21875" style="74" customWidth="1"/>
    <col min="12810" max="13056" width="9" style="74"/>
    <col min="13057" max="13057" width="10.21875" style="74" customWidth="1"/>
    <col min="13058" max="13060" width="9" style="74" customWidth="1"/>
    <col min="13061" max="13061" width="1.77734375" style="74" customWidth="1"/>
    <col min="13062" max="13064" width="9" style="74" customWidth="1"/>
    <col min="13065" max="13065" width="12.21875" style="74" customWidth="1"/>
    <col min="13066" max="13312" width="9" style="74"/>
    <col min="13313" max="13313" width="10.21875" style="74" customWidth="1"/>
    <col min="13314" max="13316" width="9" style="74" customWidth="1"/>
    <col min="13317" max="13317" width="1.77734375" style="74" customWidth="1"/>
    <col min="13318" max="13320" width="9" style="74" customWidth="1"/>
    <col min="13321" max="13321" width="12.21875" style="74" customWidth="1"/>
    <col min="13322" max="13568" width="9" style="74"/>
    <col min="13569" max="13569" width="10.21875" style="74" customWidth="1"/>
    <col min="13570" max="13572" width="9" style="74" customWidth="1"/>
    <col min="13573" max="13573" width="1.77734375" style="74" customWidth="1"/>
    <col min="13574" max="13576" width="9" style="74" customWidth="1"/>
    <col min="13577" max="13577" width="12.21875" style="74" customWidth="1"/>
    <col min="13578" max="13824" width="9" style="74"/>
    <col min="13825" max="13825" width="10.21875" style="74" customWidth="1"/>
    <col min="13826" max="13828" width="9" style="74" customWidth="1"/>
    <col min="13829" max="13829" width="1.77734375" style="74" customWidth="1"/>
    <col min="13830" max="13832" width="9" style="74" customWidth="1"/>
    <col min="13833" max="13833" width="12.21875" style="74" customWidth="1"/>
    <col min="13834" max="14080" width="9" style="74"/>
    <col min="14081" max="14081" width="10.21875" style="74" customWidth="1"/>
    <col min="14082" max="14084" width="9" style="74" customWidth="1"/>
    <col min="14085" max="14085" width="1.77734375" style="74" customWidth="1"/>
    <col min="14086" max="14088" width="9" style="74" customWidth="1"/>
    <col min="14089" max="14089" width="12.21875" style="74" customWidth="1"/>
    <col min="14090" max="14336" width="9" style="74"/>
    <col min="14337" max="14337" width="10.21875" style="74" customWidth="1"/>
    <col min="14338" max="14340" width="9" style="74" customWidth="1"/>
    <col min="14341" max="14341" width="1.77734375" style="74" customWidth="1"/>
    <col min="14342" max="14344" width="9" style="74" customWidth="1"/>
    <col min="14345" max="14345" width="12.21875" style="74" customWidth="1"/>
    <col min="14346" max="14592" width="9" style="74"/>
    <col min="14593" max="14593" width="10.21875" style="74" customWidth="1"/>
    <col min="14594" max="14596" width="9" style="74" customWidth="1"/>
    <col min="14597" max="14597" width="1.77734375" style="74" customWidth="1"/>
    <col min="14598" max="14600" width="9" style="74" customWidth="1"/>
    <col min="14601" max="14601" width="12.21875" style="74" customWidth="1"/>
    <col min="14602" max="14848" width="9" style="74"/>
    <col min="14849" max="14849" width="10.21875" style="74" customWidth="1"/>
    <col min="14850" max="14852" width="9" style="74" customWidth="1"/>
    <col min="14853" max="14853" width="1.77734375" style="74" customWidth="1"/>
    <col min="14854" max="14856" width="9" style="74" customWidth="1"/>
    <col min="14857" max="14857" width="12.21875" style="74" customWidth="1"/>
    <col min="14858" max="15104" width="9" style="74"/>
    <col min="15105" max="15105" width="10.21875" style="74" customWidth="1"/>
    <col min="15106" max="15108" width="9" style="74" customWidth="1"/>
    <col min="15109" max="15109" width="1.77734375" style="74" customWidth="1"/>
    <col min="15110" max="15112" width="9" style="74" customWidth="1"/>
    <col min="15113" max="15113" width="12.21875" style="74" customWidth="1"/>
    <col min="15114" max="15360" width="9" style="74"/>
    <col min="15361" max="15361" width="10.21875" style="74" customWidth="1"/>
    <col min="15362" max="15364" width="9" style="74" customWidth="1"/>
    <col min="15365" max="15365" width="1.77734375" style="74" customWidth="1"/>
    <col min="15366" max="15368" width="9" style="74" customWidth="1"/>
    <col min="15369" max="15369" width="12.21875" style="74" customWidth="1"/>
    <col min="15370" max="15616" width="9" style="74"/>
    <col min="15617" max="15617" width="10.21875" style="74" customWidth="1"/>
    <col min="15618" max="15620" width="9" style="74" customWidth="1"/>
    <col min="15621" max="15621" width="1.77734375" style="74" customWidth="1"/>
    <col min="15622" max="15624" width="9" style="74" customWidth="1"/>
    <col min="15625" max="15625" width="12.21875" style="74" customWidth="1"/>
    <col min="15626" max="15872" width="9" style="74"/>
    <col min="15873" max="15873" width="10.21875" style="74" customWidth="1"/>
    <col min="15874" max="15876" width="9" style="74" customWidth="1"/>
    <col min="15877" max="15877" width="1.77734375" style="74" customWidth="1"/>
    <col min="15878" max="15880" width="9" style="74" customWidth="1"/>
    <col min="15881" max="15881" width="12.21875" style="74" customWidth="1"/>
    <col min="15882" max="16128" width="9" style="74"/>
    <col min="16129" max="16129" width="10.21875" style="74" customWidth="1"/>
    <col min="16130" max="16132" width="9" style="74" customWidth="1"/>
    <col min="16133" max="16133" width="1.77734375" style="74" customWidth="1"/>
    <col min="16134" max="16136" width="9" style="74" customWidth="1"/>
    <col min="16137" max="16137" width="12.21875" style="74" customWidth="1"/>
    <col min="16138" max="16384" width="9" style="74"/>
  </cols>
  <sheetData>
    <row r="1" spans="1:14">
      <c r="A1" s="77" t="s">
        <v>78</v>
      </c>
      <c r="B1" s="77"/>
      <c r="C1" s="77"/>
      <c r="D1" s="77"/>
      <c r="E1" s="77"/>
      <c r="F1" s="77"/>
      <c r="G1" s="77"/>
      <c r="H1" s="77"/>
      <c r="I1" s="77"/>
    </row>
    <row r="2" spans="1:14" ht="13.8" thickBot="1">
      <c r="A2" s="77" t="s">
        <v>79</v>
      </c>
      <c r="B2" s="77"/>
      <c r="C2" s="77"/>
      <c r="D2" s="77"/>
      <c r="E2" s="78" t="s">
        <v>80</v>
      </c>
      <c r="F2" s="77"/>
      <c r="G2" s="77"/>
      <c r="H2" s="77"/>
      <c r="I2" s="77"/>
    </row>
    <row r="3" spans="1:14" ht="18.75" customHeight="1">
      <c r="A3" s="958" t="s">
        <v>81</v>
      </c>
      <c r="B3" s="959"/>
      <c r="C3" s="79"/>
      <c r="D3" s="80" t="s">
        <v>82</v>
      </c>
      <c r="E3" s="78"/>
      <c r="F3" s="81" t="s">
        <v>83</v>
      </c>
      <c r="G3" s="81"/>
      <c r="H3" s="81"/>
      <c r="I3" s="81"/>
    </row>
    <row r="4" spans="1:14" ht="18.75" customHeight="1">
      <c r="A4" s="960" t="s">
        <v>84</v>
      </c>
      <c r="B4" s="961"/>
      <c r="C4" s="82"/>
      <c r="D4" s="83" t="s">
        <v>82</v>
      </c>
      <c r="E4" s="78"/>
      <c r="F4" s="84" t="s">
        <v>85</v>
      </c>
      <c r="G4" s="84"/>
      <c r="H4" s="84"/>
      <c r="I4" s="85" t="s">
        <v>86</v>
      </c>
    </row>
    <row r="5" spans="1:14" ht="18.75" customHeight="1" thickBot="1">
      <c r="A5" s="962" t="s">
        <v>87</v>
      </c>
      <c r="B5" s="963"/>
      <c r="C5" s="86"/>
      <c r="D5" s="87" t="s">
        <v>82</v>
      </c>
      <c r="E5" s="78"/>
      <c r="F5" s="84" t="s">
        <v>869</v>
      </c>
      <c r="G5" s="84"/>
      <c r="H5" s="84"/>
      <c r="I5" s="84"/>
    </row>
    <row r="6" spans="1:14" ht="17.25" customHeight="1">
      <c r="A6" s="964" t="s">
        <v>88</v>
      </c>
      <c r="B6" s="964"/>
      <c r="C6" s="964"/>
      <c r="D6" s="964"/>
      <c r="E6" s="77"/>
      <c r="F6" s="84" t="s">
        <v>870</v>
      </c>
      <c r="G6" s="84"/>
      <c r="H6" s="84"/>
      <c r="I6" s="84"/>
    </row>
    <row r="7" spans="1:14">
      <c r="A7" s="78"/>
      <c r="B7" s="77"/>
      <c r="C7" s="78"/>
      <c r="D7" s="78"/>
      <c r="E7" s="78"/>
      <c r="F7" s="78"/>
      <c r="G7" s="78"/>
      <c r="H7" s="78"/>
      <c r="I7" s="78"/>
    </row>
    <row r="8" spans="1:14" ht="13.8" thickBot="1">
      <c r="A8" s="77" t="s">
        <v>89</v>
      </c>
      <c r="B8" s="77"/>
      <c r="C8" s="77"/>
      <c r="D8" s="77"/>
      <c r="E8" s="78" t="s">
        <v>90</v>
      </c>
      <c r="F8" s="77"/>
      <c r="G8" s="77"/>
      <c r="H8" s="78"/>
      <c r="I8" s="77"/>
      <c r="J8" s="77"/>
      <c r="K8" s="77"/>
      <c r="L8" s="77"/>
      <c r="M8" s="77"/>
      <c r="N8" s="77"/>
    </row>
    <row r="9" spans="1:14" ht="23.25" customHeight="1">
      <c r="A9" s="965" t="s">
        <v>91</v>
      </c>
      <c r="B9" s="966"/>
      <c r="C9" s="88"/>
      <c r="D9" s="89" t="s">
        <v>92</v>
      </c>
      <c r="E9" s="78"/>
      <c r="F9" s="53" t="s">
        <v>93</v>
      </c>
      <c r="G9" s="81"/>
      <c r="H9" s="957"/>
      <c r="I9" s="957"/>
    </row>
    <row r="10" spans="1:14" ht="23.25" customHeight="1">
      <c r="A10" s="886" t="s">
        <v>94</v>
      </c>
      <c r="B10" s="968"/>
      <c r="C10" s="90"/>
      <c r="D10" s="91" t="s">
        <v>92</v>
      </c>
      <c r="E10" s="78"/>
      <c r="F10" s="47" t="s">
        <v>95</v>
      </c>
      <c r="G10" s="84"/>
      <c r="H10" s="47"/>
      <c r="I10" s="85" t="s">
        <v>86</v>
      </c>
    </row>
    <row r="11" spans="1:14" ht="23.25" customHeight="1" thickBot="1">
      <c r="A11" s="969" t="s">
        <v>87</v>
      </c>
      <c r="B11" s="970"/>
      <c r="C11" s="92"/>
      <c r="D11" s="93" t="s">
        <v>92</v>
      </c>
      <c r="E11" s="78"/>
      <c r="F11" s="47" t="s">
        <v>871</v>
      </c>
      <c r="G11" s="84"/>
      <c r="H11" s="84"/>
      <c r="I11" s="84"/>
    </row>
    <row r="12" spans="1:14" ht="23.25" customHeight="1">
      <c r="A12" s="971" t="s">
        <v>88</v>
      </c>
      <c r="B12" s="971"/>
      <c r="C12" s="971"/>
      <c r="D12" s="971"/>
      <c r="E12" s="77"/>
      <c r="F12" s="47" t="s">
        <v>872</v>
      </c>
      <c r="G12" s="84"/>
      <c r="H12" s="84"/>
      <c r="I12" s="84"/>
    </row>
    <row r="13" spans="1:14">
      <c r="A13" s="77" t="s">
        <v>96</v>
      </c>
      <c r="B13" s="77"/>
      <c r="C13" s="77"/>
      <c r="D13" s="77"/>
      <c r="E13" s="77"/>
      <c r="F13" s="77"/>
      <c r="G13" s="77"/>
      <c r="H13" s="77"/>
      <c r="I13" s="77"/>
      <c r="J13" s="94"/>
    </row>
    <row r="14" spans="1:14">
      <c r="A14" s="77" t="s">
        <v>97</v>
      </c>
      <c r="B14" s="77"/>
      <c r="C14" s="77"/>
      <c r="D14" s="77"/>
      <c r="E14" s="77"/>
      <c r="F14" s="77"/>
      <c r="G14" s="77"/>
      <c r="H14" s="77"/>
      <c r="I14" s="77"/>
      <c r="J14" s="94"/>
    </row>
    <row r="15" spans="1:14">
      <c r="A15" s="78" t="s">
        <v>98</v>
      </c>
      <c r="B15" s="78"/>
      <c r="C15" s="78"/>
      <c r="D15" s="77"/>
      <c r="E15" s="77"/>
      <c r="F15" s="77"/>
      <c r="G15" s="77"/>
      <c r="H15" s="77"/>
      <c r="I15" s="77"/>
      <c r="J15" s="94"/>
    </row>
    <row r="16" spans="1:14" s="606" customFormat="1">
      <c r="A16" s="78"/>
      <c r="B16" s="78"/>
      <c r="C16" s="78"/>
      <c r="D16" s="608" t="s">
        <v>873</v>
      </c>
      <c r="E16" s="608"/>
      <c r="F16" s="608"/>
      <c r="G16" s="608"/>
      <c r="H16" s="608"/>
      <c r="I16" s="608"/>
      <c r="J16" s="94"/>
    </row>
    <row r="17" spans="1:10" ht="13.8" thickBot="1">
      <c r="A17" s="77" t="s">
        <v>99</v>
      </c>
      <c r="B17" s="77"/>
      <c r="C17" s="77"/>
      <c r="D17" s="77"/>
      <c r="E17" s="77"/>
      <c r="F17" s="77"/>
      <c r="G17" s="77"/>
      <c r="H17" s="77"/>
      <c r="I17" s="77"/>
      <c r="J17" s="94"/>
    </row>
    <row r="18" spans="1:10" ht="24">
      <c r="A18" s="965" t="s">
        <v>100</v>
      </c>
      <c r="B18" s="966"/>
      <c r="C18" s="374" t="s">
        <v>101</v>
      </c>
      <c r="D18" s="921" t="s">
        <v>102</v>
      </c>
      <c r="E18" s="966"/>
      <c r="F18" s="377" t="s">
        <v>876</v>
      </c>
      <c r="G18" s="921" t="s">
        <v>103</v>
      </c>
      <c r="H18" s="922"/>
      <c r="I18" s="967"/>
      <c r="J18" s="94"/>
    </row>
    <row r="19" spans="1:10">
      <c r="A19" s="974"/>
      <c r="B19" s="975"/>
      <c r="C19" s="980"/>
      <c r="D19" s="990"/>
      <c r="E19" s="991"/>
      <c r="F19" s="972"/>
      <c r="G19" s="1017"/>
      <c r="H19" s="1018"/>
      <c r="I19" s="1019"/>
      <c r="J19" s="94"/>
    </row>
    <row r="20" spans="1:10">
      <c r="A20" s="976"/>
      <c r="B20" s="977"/>
      <c r="C20" s="981"/>
      <c r="D20" s="992"/>
      <c r="E20" s="993"/>
      <c r="F20" s="973"/>
      <c r="G20" s="1020"/>
      <c r="H20" s="1021"/>
      <c r="I20" s="1022"/>
      <c r="J20" s="94"/>
    </row>
    <row r="21" spans="1:10">
      <c r="A21" s="974"/>
      <c r="B21" s="975"/>
      <c r="C21" s="980"/>
      <c r="D21" s="990"/>
      <c r="E21" s="991"/>
      <c r="F21" s="972"/>
      <c r="G21" s="1017"/>
      <c r="H21" s="1018"/>
      <c r="I21" s="1019"/>
      <c r="J21" s="94"/>
    </row>
    <row r="22" spans="1:10">
      <c r="A22" s="976"/>
      <c r="B22" s="977"/>
      <c r="C22" s="981"/>
      <c r="D22" s="992"/>
      <c r="E22" s="993"/>
      <c r="F22" s="973"/>
      <c r="G22" s="1020"/>
      <c r="H22" s="1021"/>
      <c r="I22" s="1022"/>
      <c r="J22" s="94"/>
    </row>
    <row r="23" spans="1:10">
      <c r="A23" s="974"/>
      <c r="B23" s="975"/>
      <c r="C23" s="980"/>
      <c r="D23" s="990"/>
      <c r="E23" s="991"/>
      <c r="F23" s="972"/>
      <c r="G23" s="1017"/>
      <c r="H23" s="1018"/>
      <c r="I23" s="1019"/>
      <c r="J23" s="94"/>
    </row>
    <row r="24" spans="1:10">
      <c r="A24" s="976"/>
      <c r="B24" s="977"/>
      <c r="C24" s="981"/>
      <c r="D24" s="992"/>
      <c r="E24" s="993"/>
      <c r="F24" s="973"/>
      <c r="G24" s="1020"/>
      <c r="H24" s="1021"/>
      <c r="I24" s="1022"/>
      <c r="J24" s="94"/>
    </row>
    <row r="25" spans="1:10">
      <c r="A25" s="974"/>
      <c r="B25" s="975"/>
      <c r="C25" s="980"/>
      <c r="D25" s="990"/>
      <c r="E25" s="991"/>
      <c r="F25" s="972"/>
      <c r="G25" s="1017"/>
      <c r="H25" s="1018"/>
      <c r="I25" s="1019"/>
      <c r="J25" s="94"/>
    </row>
    <row r="26" spans="1:10">
      <c r="A26" s="976"/>
      <c r="B26" s="977"/>
      <c r="C26" s="981"/>
      <c r="D26" s="992"/>
      <c r="E26" s="993"/>
      <c r="F26" s="973"/>
      <c r="G26" s="1020"/>
      <c r="H26" s="1021"/>
      <c r="I26" s="1022"/>
      <c r="J26" s="94"/>
    </row>
    <row r="27" spans="1:10">
      <c r="A27" s="974"/>
      <c r="B27" s="975"/>
      <c r="C27" s="980"/>
      <c r="D27" s="990"/>
      <c r="E27" s="991"/>
      <c r="F27" s="972"/>
      <c r="G27" s="1017"/>
      <c r="H27" s="1018"/>
      <c r="I27" s="1019"/>
      <c r="J27" s="94"/>
    </row>
    <row r="28" spans="1:10" ht="13.8" thickBot="1">
      <c r="A28" s="978"/>
      <c r="B28" s="979"/>
      <c r="C28" s="982"/>
      <c r="D28" s="994"/>
      <c r="E28" s="995"/>
      <c r="F28" s="983"/>
      <c r="G28" s="1023"/>
      <c r="H28" s="1003"/>
      <c r="I28" s="1004"/>
      <c r="J28" s="94"/>
    </row>
    <row r="29" spans="1:10">
      <c r="A29" s="77" t="s">
        <v>104</v>
      </c>
      <c r="B29" s="77"/>
      <c r="C29" s="77"/>
      <c r="D29" s="77"/>
      <c r="E29" s="77"/>
      <c r="F29" s="77"/>
      <c r="G29" s="77"/>
      <c r="H29" s="77"/>
      <c r="I29" s="77"/>
      <c r="J29" s="94"/>
    </row>
    <row r="30" spans="1:10">
      <c r="A30" s="77" t="s">
        <v>105</v>
      </c>
      <c r="B30" s="77"/>
      <c r="C30" s="77"/>
      <c r="D30" s="77"/>
      <c r="E30" s="77"/>
      <c r="F30" s="77"/>
      <c r="G30" s="77"/>
      <c r="H30" s="77"/>
      <c r="I30" s="77"/>
      <c r="J30" s="94"/>
    </row>
    <row r="31" spans="1:10">
      <c r="A31" s="77" t="s">
        <v>106</v>
      </c>
      <c r="B31" s="77"/>
      <c r="C31" s="77"/>
      <c r="D31" s="77"/>
      <c r="E31" s="77"/>
      <c r="F31" s="77"/>
      <c r="G31" s="77"/>
      <c r="H31" s="77"/>
      <c r="I31" s="77"/>
      <c r="J31" s="94"/>
    </row>
    <row r="32" spans="1:10" ht="13.8" thickBot="1">
      <c r="A32" s="77" t="s">
        <v>107</v>
      </c>
      <c r="B32" s="77"/>
      <c r="C32" s="77"/>
      <c r="D32" s="77"/>
      <c r="E32" s="77"/>
      <c r="F32" s="77"/>
      <c r="G32" s="78"/>
      <c r="H32" s="77"/>
      <c r="I32" s="77"/>
      <c r="J32" s="94"/>
    </row>
    <row r="33" spans="1:10" ht="24">
      <c r="A33" s="965" t="s">
        <v>108</v>
      </c>
      <c r="B33" s="922"/>
      <c r="C33" s="922"/>
      <c r="D33" s="966"/>
      <c r="E33" s="921" t="s">
        <v>109</v>
      </c>
      <c r="F33" s="966"/>
      <c r="G33" s="649" t="s">
        <v>877</v>
      </c>
      <c r="H33" s="921" t="s">
        <v>110</v>
      </c>
      <c r="I33" s="967"/>
      <c r="J33" s="94"/>
    </row>
    <row r="34" spans="1:10">
      <c r="A34" s="1008"/>
      <c r="B34" s="1009"/>
      <c r="C34" s="1009"/>
      <c r="D34" s="1010"/>
      <c r="E34" s="984" t="s">
        <v>111</v>
      </c>
      <c r="F34" s="985"/>
      <c r="G34" s="972"/>
      <c r="H34" s="105"/>
      <c r="I34" s="106"/>
      <c r="J34" s="94"/>
    </row>
    <row r="35" spans="1:10">
      <c r="A35" s="1011"/>
      <c r="B35" s="1012"/>
      <c r="C35" s="1012"/>
      <c r="D35" s="1013"/>
      <c r="E35" s="986"/>
      <c r="F35" s="987"/>
      <c r="G35" s="973"/>
      <c r="H35" s="116"/>
      <c r="I35" s="117" t="s">
        <v>86</v>
      </c>
      <c r="J35" s="94"/>
    </row>
    <row r="36" spans="1:10">
      <c r="A36" s="1008"/>
      <c r="B36" s="1009"/>
      <c r="C36" s="1009"/>
      <c r="D36" s="1010"/>
      <c r="E36" s="984" t="s">
        <v>111</v>
      </c>
      <c r="F36" s="985"/>
      <c r="G36" s="972"/>
      <c r="H36" s="119"/>
      <c r="I36" s="106"/>
      <c r="J36" s="94"/>
    </row>
    <row r="37" spans="1:10" ht="13.8" thickBot="1">
      <c r="A37" s="1014"/>
      <c r="B37" s="1015"/>
      <c r="C37" s="1015"/>
      <c r="D37" s="1016"/>
      <c r="E37" s="988"/>
      <c r="F37" s="989"/>
      <c r="G37" s="983"/>
      <c r="H37" s="120"/>
      <c r="I37" s="121" t="s">
        <v>86</v>
      </c>
      <c r="J37" s="94"/>
    </row>
    <row r="38" spans="1:10" ht="13.8" thickBot="1">
      <c r="A38" s="77" t="s">
        <v>112</v>
      </c>
      <c r="B38" s="77"/>
      <c r="C38" s="77"/>
      <c r="D38" s="77"/>
      <c r="E38" s="77"/>
      <c r="F38" s="77"/>
      <c r="G38" s="77"/>
      <c r="H38" s="77"/>
      <c r="I38" s="77"/>
      <c r="J38" s="94"/>
    </row>
    <row r="39" spans="1:10">
      <c r="A39" s="1005" t="s">
        <v>874</v>
      </c>
      <c r="B39" s="1006"/>
      <c r="C39" s="1006"/>
      <c r="D39" s="1006"/>
      <c r="E39" s="1006"/>
      <c r="F39" s="1006"/>
      <c r="G39" s="1006"/>
      <c r="H39" s="1006"/>
      <c r="I39" s="1007"/>
      <c r="J39" s="94"/>
    </row>
    <row r="40" spans="1:10" s="606" customFormat="1">
      <c r="A40" s="999" t="s">
        <v>875</v>
      </c>
      <c r="B40" s="1000"/>
      <c r="C40" s="1000"/>
      <c r="D40" s="1000"/>
      <c r="E40" s="1000"/>
      <c r="F40" s="1000"/>
      <c r="G40" s="1000"/>
      <c r="H40" s="1000"/>
      <c r="I40" s="1001"/>
      <c r="J40" s="94"/>
    </row>
    <row r="41" spans="1:10" ht="18.75" customHeight="1">
      <c r="A41" s="999"/>
      <c r="B41" s="1000"/>
      <c r="C41" s="1000"/>
      <c r="D41" s="1000"/>
      <c r="E41" s="1000"/>
      <c r="F41" s="1000"/>
      <c r="G41" s="1000"/>
      <c r="H41" s="1000"/>
      <c r="I41" s="1001"/>
      <c r="J41" s="94"/>
    </row>
    <row r="42" spans="1:10" ht="18.75" customHeight="1">
      <c r="A42" s="999"/>
      <c r="B42" s="1000"/>
      <c r="C42" s="1000"/>
      <c r="D42" s="1000"/>
      <c r="E42" s="1000"/>
      <c r="F42" s="1000"/>
      <c r="G42" s="1000"/>
      <c r="H42" s="1000"/>
      <c r="I42" s="1001"/>
      <c r="J42" s="94"/>
    </row>
    <row r="43" spans="1:10" ht="18.75" customHeight="1" thickBot="1">
      <c r="A43" s="1002"/>
      <c r="B43" s="1003"/>
      <c r="C43" s="1003"/>
      <c r="D43" s="1003"/>
      <c r="E43" s="1003"/>
      <c r="F43" s="1003"/>
      <c r="G43" s="1003"/>
      <c r="H43" s="1003"/>
      <c r="I43" s="1004"/>
      <c r="J43" s="94"/>
    </row>
    <row r="44" spans="1:10" ht="13.8" thickBot="1">
      <c r="A44" s="77"/>
      <c r="B44" s="77"/>
      <c r="C44" s="77"/>
      <c r="D44" s="77"/>
      <c r="E44" s="77"/>
      <c r="F44" s="77"/>
      <c r="G44" s="77"/>
      <c r="H44" s="77"/>
      <c r="I44" s="77"/>
      <c r="J44" s="94"/>
    </row>
    <row r="45" spans="1:10">
      <c r="A45" s="122" t="s">
        <v>113</v>
      </c>
      <c r="B45" s="123"/>
      <c r="C45" s="123"/>
      <c r="D45" s="123"/>
      <c r="E45" s="123"/>
      <c r="F45" s="123"/>
      <c r="G45" s="123"/>
      <c r="H45" s="123"/>
      <c r="I45" s="124"/>
      <c r="J45" s="607"/>
    </row>
    <row r="46" spans="1:10">
      <c r="A46" s="996"/>
      <c r="B46" s="997"/>
      <c r="C46" s="997"/>
      <c r="D46" s="997"/>
      <c r="E46" s="997"/>
      <c r="F46" s="997"/>
      <c r="G46" s="997"/>
      <c r="H46" s="997"/>
      <c r="I46" s="998"/>
      <c r="J46" s="94"/>
    </row>
    <row r="47" spans="1:10">
      <c r="A47" s="996"/>
      <c r="B47" s="997"/>
      <c r="C47" s="997"/>
      <c r="D47" s="997"/>
      <c r="E47" s="997"/>
      <c r="F47" s="997"/>
      <c r="G47" s="997"/>
      <c r="H47" s="997"/>
      <c r="I47" s="998"/>
      <c r="J47" s="94"/>
    </row>
    <row r="48" spans="1:10">
      <c r="A48" s="996"/>
      <c r="B48" s="997"/>
      <c r="C48" s="997"/>
      <c r="D48" s="997"/>
      <c r="E48" s="997"/>
      <c r="F48" s="997"/>
      <c r="G48" s="997"/>
      <c r="H48" s="997"/>
      <c r="I48" s="998"/>
      <c r="J48" s="94"/>
    </row>
    <row r="49" spans="1:10">
      <c r="A49" s="996"/>
      <c r="B49" s="997"/>
      <c r="C49" s="997"/>
      <c r="D49" s="997"/>
      <c r="E49" s="997"/>
      <c r="F49" s="997"/>
      <c r="G49" s="997"/>
      <c r="H49" s="997"/>
      <c r="I49" s="998"/>
    </row>
    <row r="50" spans="1:10">
      <c r="A50" s="996"/>
      <c r="B50" s="997"/>
      <c r="C50" s="997"/>
      <c r="D50" s="997"/>
      <c r="E50" s="997"/>
      <c r="F50" s="997"/>
      <c r="G50" s="997"/>
      <c r="H50" s="997"/>
      <c r="I50" s="998"/>
    </row>
    <row r="51" spans="1:10">
      <c r="A51" s="996"/>
      <c r="B51" s="997"/>
      <c r="C51" s="997"/>
      <c r="D51" s="997"/>
      <c r="E51" s="997"/>
      <c r="F51" s="997"/>
      <c r="G51" s="997"/>
      <c r="H51" s="997"/>
      <c r="I51" s="998"/>
    </row>
    <row r="52" spans="1:10">
      <c r="A52" s="996"/>
      <c r="B52" s="997"/>
      <c r="C52" s="997"/>
      <c r="D52" s="997"/>
      <c r="E52" s="997"/>
      <c r="F52" s="997"/>
      <c r="G52" s="997"/>
      <c r="H52" s="997"/>
      <c r="I52" s="998"/>
    </row>
    <row r="53" spans="1:10" ht="1.5" customHeight="1" thickBot="1">
      <c r="A53" s="108"/>
      <c r="B53" s="109"/>
      <c r="C53" s="109"/>
      <c r="D53" s="109"/>
      <c r="E53" s="109"/>
      <c r="F53" s="109"/>
      <c r="G53" s="109"/>
      <c r="H53" s="109"/>
      <c r="I53" s="113"/>
      <c r="J53" s="94"/>
    </row>
    <row r="54" spans="1:10">
      <c r="A54" s="78"/>
      <c r="B54" s="78"/>
      <c r="C54" s="78"/>
      <c r="D54" s="78"/>
      <c r="E54" s="78"/>
      <c r="F54" s="78"/>
      <c r="G54" s="78"/>
      <c r="H54" s="78"/>
      <c r="I54" s="78"/>
      <c r="J54" s="94"/>
    </row>
    <row r="55" spans="1:10">
      <c r="A55" s="78"/>
      <c r="B55" s="78"/>
      <c r="C55" s="78"/>
      <c r="D55" s="78"/>
      <c r="E55" s="78"/>
      <c r="F55" s="78"/>
      <c r="G55" s="78"/>
      <c r="H55" s="78"/>
      <c r="I55" s="78"/>
      <c r="J55" s="94"/>
    </row>
    <row r="56" spans="1:10">
      <c r="A56" s="78"/>
      <c r="B56" s="78"/>
      <c r="C56" s="78"/>
      <c r="D56" s="78"/>
      <c r="E56" s="78"/>
      <c r="F56" s="78"/>
      <c r="G56" s="78"/>
      <c r="H56" s="78"/>
      <c r="I56" s="78"/>
      <c r="J56" s="94"/>
    </row>
    <row r="57" spans="1:10">
      <c r="A57" s="78"/>
      <c r="B57" s="78"/>
      <c r="C57" s="78"/>
      <c r="D57" s="78"/>
      <c r="E57" s="78"/>
      <c r="F57" s="78"/>
      <c r="G57" s="78"/>
      <c r="H57" s="78"/>
      <c r="I57" s="78"/>
      <c r="J57" s="94"/>
    </row>
    <row r="58" spans="1:10">
      <c r="A58" s="78"/>
      <c r="B58" s="78"/>
      <c r="C58" s="78"/>
      <c r="D58" s="78"/>
      <c r="E58" s="78"/>
      <c r="F58" s="78"/>
      <c r="G58" s="78"/>
      <c r="H58" s="78"/>
      <c r="I58" s="78"/>
      <c r="J58" s="94"/>
    </row>
    <row r="59" spans="1:10">
      <c r="A59" s="78"/>
      <c r="B59" s="78"/>
      <c r="C59" s="78"/>
      <c r="D59" s="78"/>
      <c r="E59" s="78"/>
      <c r="F59" s="78"/>
      <c r="G59" s="78"/>
      <c r="H59" s="78"/>
      <c r="I59" s="78"/>
      <c r="J59" s="94"/>
    </row>
  </sheetData>
  <mergeCells count="52">
    <mergeCell ref="A46:I52"/>
    <mergeCell ref="G18:I18"/>
    <mergeCell ref="A41:I41"/>
    <mergeCell ref="A42:I42"/>
    <mergeCell ref="A43:I43"/>
    <mergeCell ref="A40:I40"/>
    <mergeCell ref="A39:I39"/>
    <mergeCell ref="A33:D33"/>
    <mergeCell ref="A34:D35"/>
    <mergeCell ref="A36:D37"/>
    <mergeCell ref="G19:I20"/>
    <mergeCell ref="G21:I22"/>
    <mergeCell ref="G23:I24"/>
    <mergeCell ref="G25:I26"/>
    <mergeCell ref="G27:I28"/>
    <mergeCell ref="C25:C26"/>
    <mergeCell ref="D19:E20"/>
    <mergeCell ref="D21:E22"/>
    <mergeCell ref="D23:E24"/>
    <mergeCell ref="D25:E26"/>
    <mergeCell ref="D27:E28"/>
    <mergeCell ref="G34:G35"/>
    <mergeCell ref="G36:G37"/>
    <mergeCell ref="F21:F22"/>
    <mergeCell ref="F23:F24"/>
    <mergeCell ref="F25:F26"/>
    <mergeCell ref="F27:F28"/>
    <mergeCell ref="E33:F33"/>
    <mergeCell ref="E34:F35"/>
    <mergeCell ref="E36:F37"/>
    <mergeCell ref="H33:I33"/>
    <mergeCell ref="A10:B10"/>
    <mergeCell ref="A11:B11"/>
    <mergeCell ref="A12:D12"/>
    <mergeCell ref="A18:B18"/>
    <mergeCell ref="D18:E18"/>
    <mergeCell ref="F19:F20"/>
    <mergeCell ref="A19:B20"/>
    <mergeCell ref="A21:B22"/>
    <mergeCell ref="A23:B24"/>
    <mergeCell ref="A25:B26"/>
    <mergeCell ref="A27:B28"/>
    <mergeCell ref="C19:C20"/>
    <mergeCell ref="C21:C22"/>
    <mergeCell ref="C23:C24"/>
    <mergeCell ref="C27:C28"/>
    <mergeCell ref="H9:I9"/>
    <mergeCell ref="A3:B3"/>
    <mergeCell ref="A4:B4"/>
    <mergeCell ref="A5:B5"/>
    <mergeCell ref="A6:D6"/>
    <mergeCell ref="A9:B9"/>
  </mergeCells>
  <phoneticPr fontId="3"/>
  <dataValidations count="2">
    <dataValidation type="list" allowBlank="1" showInputMessage="1" promptTitle="規約の有無" prompt="リストから選択できます_x000a_" sqref="G34:G37" xr:uid="{00000000-0002-0000-0200-000000000000}">
      <formula1>"有,無,"</formula1>
    </dataValidation>
    <dataValidation type="list" allowBlank="1" showInputMessage="1" promptTitle="記録の有無" prompt="リストから選択できます" sqref="F19:F28" xr:uid="{1A08FC4D-A3E6-4025-9365-18E238AFC325}">
      <formula1>"有,無,"</formula1>
    </dataValidation>
  </dataValidations>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0481" r:id="rId4" name="Check Box 1">
              <controlPr defaultSize="0" autoFill="0" autoLine="0" autoPict="0">
                <anchor moveWithCells="1">
                  <from>
                    <xdr:col>3</xdr:col>
                    <xdr:colOff>541020</xdr:colOff>
                    <xdr:row>37</xdr:row>
                    <xdr:rowOff>144780</xdr:rowOff>
                  </from>
                  <to>
                    <xdr:col>5</xdr:col>
                    <xdr:colOff>251460</xdr:colOff>
                    <xdr:row>39</xdr:row>
                    <xdr:rowOff>60960</xdr:rowOff>
                  </to>
                </anchor>
              </controlPr>
            </control>
          </mc:Choice>
        </mc:AlternateContent>
        <mc:AlternateContent xmlns:mc="http://schemas.openxmlformats.org/markup-compatibility/2006">
          <mc:Choice Requires="x14">
            <control shapeId="20482" r:id="rId5" name="Check Box 2">
              <controlPr defaultSize="0" autoFill="0" autoLine="0" autoPict="0">
                <anchor moveWithCells="1">
                  <from>
                    <xdr:col>5</xdr:col>
                    <xdr:colOff>312420</xdr:colOff>
                    <xdr:row>37</xdr:row>
                    <xdr:rowOff>160020</xdr:rowOff>
                  </from>
                  <to>
                    <xdr:col>6</xdr:col>
                    <xdr:colOff>121920</xdr:colOff>
                    <xdr:row>39</xdr:row>
                    <xdr:rowOff>53340</xdr:rowOff>
                  </to>
                </anchor>
              </controlPr>
            </control>
          </mc:Choice>
        </mc:AlternateContent>
        <mc:AlternateContent xmlns:mc="http://schemas.openxmlformats.org/markup-compatibility/2006">
          <mc:Choice Requires="x14">
            <control shapeId="20483" r:id="rId6" name="Check Box 3">
              <controlPr defaultSize="0" autoFill="0" autoLine="0" autoPict="0">
                <anchor moveWithCells="1">
                  <from>
                    <xdr:col>7</xdr:col>
                    <xdr:colOff>396240</xdr:colOff>
                    <xdr:row>3</xdr:row>
                    <xdr:rowOff>220980</xdr:rowOff>
                  </from>
                  <to>
                    <xdr:col>8</xdr:col>
                    <xdr:colOff>228600</xdr:colOff>
                    <xdr:row>5</xdr:row>
                    <xdr:rowOff>7620</xdr:rowOff>
                  </to>
                </anchor>
              </controlPr>
            </control>
          </mc:Choice>
        </mc:AlternateContent>
        <mc:AlternateContent xmlns:mc="http://schemas.openxmlformats.org/markup-compatibility/2006">
          <mc:Choice Requires="x14">
            <control shapeId="20484" r:id="rId7" name="Check Box 4">
              <controlPr defaultSize="0" autoFill="0" autoLine="0" autoPict="0">
                <anchor moveWithCells="1">
                  <from>
                    <xdr:col>8</xdr:col>
                    <xdr:colOff>289560</xdr:colOff>
                    <xdr:row>4</xdr:row>
                    <xdr:rowOff>0</xdr:rowOff>
                  </from>
                  <to>
                    <xdr:col>8</xdr:col>
                    <xdr:colOff>716280</xdr:colOff>
                    <xdr:row>5</xdr:row>
                    <xdr:rowOff>0</xdr:rowOff>
                  </to>
                </anchor>
              </controlPr>
            </control>
          </mc:Choice>
        </mc:AlternateContent>
        <mc:AlternateContent xmlns:mc="http://schemas.openxmlformats.org/markup-compatibility/2006">
          <mc:Choice Requires="x14">
            <control shapeId="20485" r:id="rId8" name="Check Box 5">
              <controlPr defaultSize="0" autoFill="0" autoLine="0" autoPict="0">
                <anchor moveWithCells="1">
                  <from>
                    <xdr:col>7</xdr:col>
                    <xdr:colOff>396240</xdr:colOff>
                    <xdr:row>4</xdr:row>
                    <xdr:rowOff>228600</xdr:rowOff>
                  </from>
                  <to>
                    <xdr:col>8</xdr:col>
                    <xdr:colOff>228600</xdr:colOff>
                    <xdr:row>6</xdr:row>
                    <xdr:rowOff>38100</xdr:rowOff>
                  </to>
                </anchor>
              </controlPr>
            </control>
          </mc:Choice>
        </mc:AlternateContent>
        <mc:AlternateContent xmlns:mc="http://schemas.openxmlformats.org/markup-compatibility/2006">
          <mc:Choice Requires="x14">
            <control shapeId="20486" r:id="rId9" name="Check Box 6">
              <controlPr defaultSize="0" autoFill="0" autoLine="0" autoPict="0">
                <anchor moveWithCells="1">
                  <from>
                    <xdr:col>8</xdr:col>
                    <xdr:colOff>289560</xdr:colOff>
                    <xdr:row>5</xdr:row>
                    <xdr:rowOff>7620</xdr:rowOff>
                  </from>
                  <to>
                    <xdr:col>8</xdr:col>
                    <xdr:colOff>716280</xdr:colOff>
                    <xdr:row>6</xdr:row>
                    <xdr:rowOff>30480</xdr:rowOff>
                  </to>
                </anchor>
              </controlPr>
            </control>
          </mc:Choice>
        </mc:AlternateContent>
        <mc:AlternateContent xmlns:mc="http://schemas.openxmlformats.org/markup-compatibility/2006">
          <mc:Choice Requires="x14">
            <control shapeId="20487" r:id="rId10" name="Check Box 7">
              <controlPr defaultSize="0" autoFill="0" autoLine="0" autoPict="0">
                <anchor moveWithCells="1">
                  <from>
                    <xdr:col>7</xdr:col>
                    <xdr:colOff>411480</xdr:colOff>
                    <xdr:row>10</xdr:row>
                    <xdr:rowOff>38100</xdr:rowOff>
                  </from>
                  <to>
                    <xdr:col>8</xdr:col>
                    <xdr:colOff>243840</xdr:colOff>
                    <xdr:row>11</xdr:row>
                    <xdr:rowOff>7620</xdr:rowOff>
                  </to>
                </anchor>
              </controlPr>
            </control>
          </mc:Choice>
        </mc:AlternateContent>
        <mc:AlternateContent xmlns:mc="http://schemas.openxmlformats.org/markup-compatibility/2006">
          <mc:Choice Requires="x14">
            <control shapeId="20488" r:id="rId11" name="Check Box 8">
              <controlPr defaultSize="0" autoFill="0" autoLine="0" autoPict="0">
                <anchor moveWithCells="1">
                  <from>
                    <xdr:col>8</xdr:col>
                    <xdr:colOff>304800</xdr:colOff>
                    <xdr:row>10</xdr:row>
                    <xdr:rowOff>53340</xdr:rowOff>
                  </from>
                  <to>
                    <xdr:col>8</xdr:col>
                    <xdr:colOff>731520</xdr:colOff>
                    <xdr:row>11</xdr:row>
                    <xdr:rowOff>0</xdr:rowOff>
                  </to>
                </anchor>
              </controlPr>
            </control>
          </mc:Choice>
        </mc:AlternateContent>
        <mc:AlternateContent xmlns:mc="http://schemas.openxmlformats.org/markup-compatibility/2006">
          <mc:Choice Requires="x14">
            <control shapeId="20491" r:id="rId12" name="Check Box 11">
              <controlPr defaultSize="0" autoFill="0" autoLine="0" autoPict="0">
                <anchor moveWithCells="1">
                  <from>
                    <xdr:col>7</xdr:col>
                    <xdr:colOff>411480</xdr:colOff>
                    <xdr:row>11</xdr:row>
                    <xdr:rowOff>38100</xdr:rowOff>
                  </from>
                  <to>
                    <xdr:col>8</xdr:col>
                    <xdr:colOff>243840</xdr:colOff>
                    <xdr:row>12</xdr:row>
                    <xdr:rowOff>7620</xdr:rowOff>
                  </to>
                </anchor>
              </controlPr>
            </control>
          </mc:Choice>
        </mc:AlternateContent>
        <mc:AlternateContent xmlns:mc="http://schemas.openxmlformats.org/markup-compatibility/2006">
          <mc:Choice Requires="x14">
            <control shapeId="20492" r:id="rId13" name="Check Box 12">
              <controlPr defaultSize="0" autoFill="0" autoLine="0" autoPict="0">
                <anchor moveWithCells="1">
                  <from>
                    <xdr:col>8</xdr:col>
                    <xdr:colOff>304800</xdr:colOff>
                    <xdr:row>11</xdr:row>
                    <xdr:rowOff>53340</xdr:rowOff>
                  </from>
                  <to>
                    <xdr:col>8</xdr:col>
                    <xdr:colOff>731520</xdr:colOff>
                    <xdr:row>12</xdr:row>
                    <xdr:rowOff>0</xdr:rowOff>
                  </to>
                </anchor>
              </controlPr>
            </control>
          </mc:Choice>
        </mc:AlternateContent>
        <mc:AlternateContent xmlns:mc="http://schemas.openxmlformats.org/markup-compatibility/2006">
          <mc:Choice Requires="x14">
            <control shapeId="20494" r:id="rId14" name="Check Box 14">
              <controlPr defaultSize="0" autoFill="0" autoLine="0" autoPict="0">
                <anchor moveWithCells="1">
                  <from>
                    <xdr:col>2</xdr:col>
                    <xdr:colOff>213360</xdr:colOff>
                    <xdr:row>13</xdr:row>
                    <xdr:rowOff>114300</xdr:rowOff>
                  </from>
                  <to>
                    <xdr:col>3</xdr:col>
                    <xdr:colOff>45720</xdr:colOff>
                    <xdr:row>15</xdr:row>
                    <xdr:rowOff>38100</xdr:rowOff>
                  </to>
                </anchor>
              </controlPr>
            </control>
          </mc:Choice>
        </mc:AlternateContent>
        <mc:AlternateContent xmlns:mc="http://schemas.openxmlformats.org/markup-compatibility/2006">
          <mc:Choice Requires="x14">
            <control shapeId="20495" r:id="rId15" name="Check Box 15">
              <controlPr defaultSize="0" autoFill="0" autoLine="0" autoPict="0">
                <anchor moveWithCells="1">
                  <from>
                    <xdr:col>3</xdr:col>
                    <xdr:colOff>106680</xdr:colOff>
                    <xdr:row>13</xdr:row>
                    <xdr:rowOff>129540</xdr:rowOff>
                  </from>
                  <to>
                    <xdr:col>3</xdr:col>
                    <xdr:colOff>533400</xdr:colOff>
                    <xdr:row>15</xdr:row>
                    <xdr:rowOff>3048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K51"/>
  <sheetViews>
    <sheetView showGridLines="0" view="pageBreakPreview" zoomScaleNormal="100" zoomScaleSheetLayoutView="100" workbookViewId="0">
      <selection activeCell="E8" sqref="E8"/>
    </sheetView>
  </sheetViews>
  <sheetFormatPr defaultRowHeight="12"/>
  <cols>
    <col min="1" max="1" width="10.21875" style="126" customWidth="1"/>
    <col min="2" max="2" width="11.109375" style="126" customWidth="1"/>
    <col min="3" max="3" width="9" style="126" customWidth="1"/>
    <col min="4" max="4" width="17.6640625" style="126" customWidth="1"/>
    <col min="5" max="5" width="9" style="126" customWidth="1"/>
    <col min="6" max="6" width="9.77734375" style="126" customWidth="1"/>
    <col min="7" max="256" width="9" style="126"/>
    <col min="257" max="257" width="10.21875" style="126" customWidth="1"/>
    <col min="258" max="258" width="11.109375" style="126" customWidth="1"/>
    <col min="259" max="259" width="9" style="126" customWidth="1"/>
    <col min="260" max="260" width="17.6640625" style="126" customWidth="1"/>
    <col min="261" max="261" width="9" style="126" customWidth="1"/>
    <col min="262" max="262" width="9.77734375" style="126" customWidth="1"/>
    <col min="263" max="512" width="9" style="126"/>
    <col min="513" max="513" width="10.21875" style="126" customWidth="1"/>
    <col min="514" max="514" width="11.109375" style="126" customWidth="1"/>
    <col min="515" max="515" width="9" style="126" customWidth="1"/>
    <col min="516" max="516" width="17.6640625" style="126" customWidth="1"/>
    <col min="517" max="517" width="9" style="126" customWidth="1"/>
    <col min="518" max="518" width="9.77734375" style="126" customWidth="1"/>
    <col min="519" max="768" width="9" style="126"/>
    <col min="769" max="769" width="10.21875" style="126" customWidth="1"/>
    <col min="770" max="770" width="11.109375" style="126" customWidth="1"/>
    <col min="771" max="771" width="9" style="126" customWidth="1"/>
    <col min="772" max="772" width="17.6640625" style="126" customWidth="1"/>
    <col min="773" max="773" width="9" style="126" customWidth="1"/>
    <col min="774" max="774" width="9.77734375" style="126" customWidth="1"/>
    <col min="775" max="1024" width="9" style="126"/>
    <col min="1025" max="1025" width="10.21875" style="126" customWidth="1"/>
    <col min="1026" max="1026" width="11.109375" style="126" customWidth="1"/>
    <col min="1027" max="1027" width="9" style="126" customWidth="1"/>
    <col min="1028" max="1028" width="17.6640625" style="126" customWidth="1"/>
    <col min="1029" max="1029" width="9" style="126" customWidth="1"/>
    <col min="1030" max="1030" width="9.77734375" style="126" customWidth="1"/>
    <col min="1031" max="1280" width="9" style="126"/>
    <col min="1281" max="1281" width="10.21875" style="126" customWidth="1"/>
    <col min="1282" max="1282" width="11.109375" style="126" customWidth="1"/>
    <col min="1283" max="1283" width="9" style="126" customWidth="1"/>
    <col min="1284" max="1284" width="17.6640625" style="126" customWidth="1"/>
    <col min="1285" max="1285" width="9" style="126" customWidth="1"/>
    <col min="1286" max="1286" width="9.77734375" style="126" customWidth="1"/>
    <col min="1287" max="1536" width="9" style="126"/>
    <col min="1537" max="1537" width="10.21875" style="126" customWidth="1"/>
    <col min="1538" max="1538" width="11.109375" style="126" customWidth="1"/>
    <col min="1539" max="1539" width="9" style="126" customWidth="1"/>
    <col min="1540" max="1540" width="17.6640625" style="126" customWidth="1"/>
    <col min="1541" max="1541" width="9" style="126" customWidth="1"/>
    <col min="1542" max="1542" width="9.77734375" style="126" customWidth="1"/>
    <col min="1543" max="1792" width="9" style="126"/>
    <col min="1793" max="1793" width="10.21875" style="126" customWidth="1"/>
    <col min="1794" max="1794" width="11.109375" style="126" customWidth="1"/>
    <col min="1795" max="1795" width="9" style="126" customWidth="1"/>
    <col min="1796" max="1796" width="17.6640625" style="126" customWidth="1"/>
    <col min="1797" max="1797" width="9" style="126" customWidth="1"/>
    <col min="1798" max="1798" width="9.77734375" style="126" customWidth="1"/>
    <col min="1799" max="2048" width="9" style="126"/>
    <col min="2049" max="2049" width="10.21875" style="126" customWidth="1"/>
    <col min="2050" max="2050" width="11.109375" style="126" customWidth="1"/>
    <col min="2051" max="2051" width="9" style="126" customWidth="1"/>
    <col min="2052" max="2052" width="17.6640625" style="126" customWidth="1"/>
    <col min="2053" max="2053" width="9" style="126" customWidth="1"/>
    <col min="2054" max="2054" width="9.77734375" style="126" customWidth="1"/>
    <col min="2055" max="2304" width="9" style="126"/>
    <col min="2305" max="2305" width="10.21875" style="126" customWidth="1"/>
    <col min="2306" max="2306" width="11.109375" style="126" customWidth="1"/>
    <col min="2307" max="2307" width="9" style="126" customWidth="1"/>
    <col min="2308" max="2308" width="17.6640625" style="126" customWidth="1"/>
    <col min="2309" max="2309" width="9" style="126" customWidth="1"/>
    <col min="2310" max="2310" width="9.77734375" style="126" customWidth="1"/>
    <col min="2311" max="2560" width="9" style="126"/>
    <col min="2561" max="2561" width="10.21875" style="126" customWidth="1"/>
    <col min="2562" max="2562" width="11.109375" style="126" customWidth="1"/>
    <col min="2563" max="2563" width="9" style="126" customWidth="1"/>
    <col min="2564" max="2564" width="17.6640625" style="126" customWidth="1"/>
    <col min="2565" max="2565" width="9" style="126" customWidth="1"/>
    <col min="2566" max="2566" width="9.77734375" style="126" customWidth="1"/>
    <col min="2567" max="2816" width="9" style="126"/>
    <col min="2817" max="2817" width="10.21875" style="126" customWidth="1"/>
    <col min="2818" max="2818" width="11.109375" style="126" customWidth="1"/>
    <col min="2819" max="2819" width="9" style="126" customWidth="1"/>
    <col min="2820" max="2820" width="17.6640625" style="126" customWidth="1"/>
    <col min="2821" max="2821" width="9" style="126" customWidth="1"/>
    <col min="2822" max="2822" width="9.77734375" style="126" customWidth="1"/>
    <col min="2823" max="3072" width="9" style="126"/>
    <col min="3073" max="3073" width="10.21875" style="126" customWidth="1"/>
    <col min="3074" max="3074" width="11.109375" style="126" customWidth="1"/>
    <col min="3075" max="3075" width="9" style="126" customWidth="1"/>
    <col min="3076" max="3076" width="17.6640625" style="126" customWidth="1"/>
    <col min="3077" max="3077" width="9" style="126" customWidth="1"/>
    <col min="3078" max="3078" width="9.77734375" style="126" customWidth="1"/>
    <col min="3079" max="3328" width="9" style="126"/>
    <col min="3329" max="3329" width="10.21875" style="126" customWidth="1"/>
    <col min="3330" max="3330" width="11.109375" style="126" customWidth="1"/>
    <col min="3331" max="3331" width="9" style="126" customWidth="1"/>
    <col min="3332" max="3332" width="17.6640625" style="126" customWidth="1"/>
    <col min="3333" max="3333" width="9" style="126" customWidth="1"/>
    <col min="3334" max="3334" width="9.77734375" style="126" customWidth="1"/>
    <col min="3335" max="3584" width="9" style="126"/>
    <col min="3585" max="3585" width="10.21875" style="126" customWidth="1"/>
    <col min="3586" max="3586" width="11.109375" style="126" customWidth="1"/>
    <col min="3587" max="3587" width="9" style="126" customWidth="1"/>
    <col min="3588" max="3588" width="17.6640625" style="126" customWidth="1"/>
    <col min="3589" max="3589" width="9" style="126" customWidth="1"/>
    <col min="3590" max="3590" width="9.77734375" style="126" customWidth="1"/>
    <col min="3591" max="3840" width="9" style="126"/>
    <col min="3841" max="3841" width="10.21875" style="126" customWidth="1"/>
    <col min="3842" max="3842" width="11.109375" style="126" customWidth="1"/>
    <col min="3843" max="3843" width="9" style="126" customWidth="1"/>
    <col min="3844" max="3844" width="17.6640625" style="126" customWidth="1"/>
    <col min="3845" max="3845" width="9" style="126" customWidth="1"/>
    <col min="3846" max="3846" width="9.77734375" style="126" customWidth="1"/>
    <col min="3847" max="4096" width="9" style="126"/>
    <col min="4097" max="4097" width="10.21875" style="126" customWidth="1"/>
    <col min="4098" max="4098" width="11.109375" style="126" customWidth="1"/>
    <col min="4099" max="4099" width="9" style="126" customWidth="1"/>
    <col min="4100" max="4100" width="17.6640625" style="126" customWidth="1"/>
    <col min="4101" max="4101" width="9" style="126" customWidth="1"/>
    <col min="4102" max="4102" width="9.77734375" style="126" customWidth="1"/>
    <col min="4103" max="4352" width="9" style="126"/>
    <col min="4353" max="4353" width="10.21875" style="126" customWidth="1"/>
    <col min="4354" max="4354" width="11.109375" style="126" customWidth="1"/>
    <col min="4355" max="4355" width="9" style="126" customWidth="1"/>
    <col min="4356" max="4356" width="17.6640625" style="126" customWidth="1"/>
    <col min="4357" max="4357" width="9" style="126" customWidth="1"/>
    <col min="4358" max="4358" width="9.77734375" style="126" customWidth="1"/>
    <col min="4359" max="4608" width="9" style="126"/>
    <col min="4609" max="4609" width="10.21875" style="126" customWidth="1"/>
    <col min="4610" max="4610" width="11.109375" style="126" customWidth="1"/>
    <col min="4611" max="4611" width="9" style="126" customWidth="1"/>
    <col min="4612" max="4612" width="17.6640625" style="126" customWidth="1"/>
    <col min="4613" max="4613" width="9" style="126" customWidth="1"/>
    <col min="4614" max="4614" width="9.77734375" style="126" customWidth="1"/>
    <col min="4615" max="4864" width="9" style="126"/>
    <col min="4865" max="4865" width="10.21875" style="126" customWidth="1"/>
    <col min="4866" max="4866" width="11.109375" style="126" customWidth="1"/>
    <col min="4867" max="4867" width="9" style="126" customWidth="1"/>
    <col min="4868" max="4868" width="17.6640625" style="126" customWidth="1"/>
    <col min="4869" max="4869" width="9" style="126" customWidth="1"/>
    <col min="4870" max="4870" width="9.77734375" style="126" customWidth="1"/>
    <col min="4871" max="5120" width="9" style="126"/>
    <col min="5121" max="5121" width="10.21875" style="126" customWidth="1"/>
    <col min="5122" max="5122" width="11.109375" style="126" customWidth="1"/>
    <col min="5123" max="5123" width="9" style="126" customWidth="1"/>
    <col min="5124" max="5124" width="17.6640625" style="126" customWidth="1"/>
    <col min="5125" max="5125" width="9" style="126" customWidth="1"/>
    <col min="5126" max="5126" width="9.77734375" style="126" customWidth="1"/>
    <col min="5127" max="5376" width="9" style="126"/>
    <col min="5377" max="5377" width="10.21875" style="126" customWidth="1"/>
    <col min="5378" max="5378" width="11.109375" style="126" customWidth="1"/>
    <col min="5379" max="5379" width="9" style="126" customWidth="1"/>
    <col min="5380" max="5380" width="17.6640625" style="126" customWidth="1"/>
    <col min="5381" max="5381" width="9" style="126" customWidth="1"/>
    <col min="5382" max="5382" width="9.77734375" style="126" customWidth="1"/>
    <col min="5383" max="5632" width="9" style="126"/>
    <col min="5633" max="5633" width="10.21875" style="126" customWidth="1"/>
    <col min="5634" max="5634" width="11.109375" style="126" customWidth="1"/>
    <col min="5635" max="5635" width="9" style="126" customWidth="1"/>
    <col min="5636" max="5636" width="17.6640625" style="126" customWidth="1"/>
    <col min="5637" max="5637" width="9" style="126" customWidth="1"/>
    <col min="5638" max="5638" width="9.77734375" style="126" customWidth="1"/>
    <col min="5639" max="5888" width="9" style="126"/>
    <col min="5889" max="5889" width="10.21875" style="126" customWidth="1"/>
    <col min="5890" max="5890" width="11.109375" style="126" customWidth="1"/>
    <col min="5891" max="5891" width="9" style="126" customWidth="1"/>
    <col min="5892" max="5892" width="17.6640625" style="126" customWidth="1"/>
    <col min="5893" max="5893" width="9" style="126" customWidth="1"/>
    <col min="5894" max="5894" width="9.77734375" style="126" customWidth="1"/>
    <col min="5895" max="6144" width="9" style="126"/>
    <col min="6145" max="6145" width="10.21875" style="126" customWidth="1"/>
    <col min="6146" max="6146" width="11.109375" style="126" customWidth="1"/>
    <col min="6147" max="6147" width="9" style="126" customWidth="1"/>
    <col min="6148" max="6148" width="17.6640625" style="126" customWidth="1"/>
    <col min="6149" max="6149" width="9" style="126" customWidth="1"/>
    <col min="6150" max="6150" width="9.77734375" style="126" customWidth="1"/>
    <col min="6151" max="6400" width="9" style="126"/>
    <col min="6401" max="6401" width="10.21875" style="126" customWidth="1"/>
    <col min="6402" max="6402" width="11.109375" style="126" customWidth="1"/>
    <col min="6403" max="6403" width="9" style="126" customWidth="1"/>
    <col min="6404" max="6404" width="17.6640625" style="126" customWidth="1"/>
    <col min="6405" max="6405" width="9" style="126" customWidth="1"/>
    <col min="6406" max="6406" width="9.77734375" style="126" customWidth="1"/>
    <col min="6407" max="6656" width="9" style="126"/>
    <col min="6657" max="6657" width="10.21875" style="126" customWidth="1"/>
    <col min="6658" max="6658" width="11.109375" style="126" customWidth="1"/>
    <col min="6659" max="6659" width="9" style="126" customWidth="1"/>
    <col min="6660" max="6660" width="17.6640625" style="126" customWidth="1"/>
    <col min="6661" max="6661" width="9" style="126" customWidth="1"/>
    <col min="6662" max="6662" width="9.77734375" style="126" customWidth="1"/>
    <col min="6663" max="6912" width="9" style="126"/>
    <col min="6913" max="6913" width="10.21875" style="126" customWidth="1"/>
    <col min="6914" max="6914" width="11.109375" style="126" customWidth="1"/>
    <col min="6915" max="6915" width="9" style="126" customWidth="1"/>
    <col min="6916" max="6916" width="17.6640625" style="126" customWidth="1"/>
    <col min="6917" max="6917" width="9" style="126" customWidth="1"/>
    <col min="6918" max="6918" width="9.77734375" style="126" customWidth="1"/>
    <col min="6919" max="7168" width="9" style="126"/>
    <col min="7169" max="7169" width="10.21875" style="126" customWidth="1"/>
    <col min="7170" max="7170" width="11.109375" style="126" customWidth="1"/>
    <col min="7171" max="7171" width="9" style="126" customWidth="1"/>
    <col min="7172" max="7172" width="17.6640625" style="126" customWidth="1"/>
    <col min="7173" max="7173" width="9" style="126" customWidth="1"/>
    <col min="7174" max="7174" width="9.77734375" style="126" customWidth="1"/>
    <col min="7175" max="7424" width="9" style="126"/>
    <col min="7425" max="7425" width="10.21875" style="126" customWidth="1"/>
    <col min="7426" max="7426" width="11.109375" style="126" customWidth="1"/>
    <col min="7427" max="7427" width="9" style="126" customWidth="1"/>
    <col min="7428" max="7428" width="17.6640625" style="126" customWidth="1"/>
    <col min="7429" max="7429" width="9" style="126" customWidth="1"/>
    <col min="7430" max="7430" width="9.77734375" style="126" customWidth="1"/>
    <col min="7431" max="7680" width="9" style="126"/>
    <col min="7681" max="7681" width="10.21875" style="126" customWidth="1"/>
    <col min="7682" max="7682" width="11.109375" style="126" customWidth="1"/>
    <col min="7683" max="7683" width="9" style="126" customWidth="1"/>
    <col min="7684" max="7684" width="17.6640625" style="126" customWidth="1"/>
    <col min="7685" max="7685" width="9" style="126" customWidth="1"/>
    <col min="7686" max="7686" width="9.77734375" style="126" customWidth="1"/>
    <col min="7687" max="7936" width="9" style="126"/>
    <col min="7937" max="7937" width="10.21875" style="126" customWidth="1"/>
    <col min="7938" max="7938" width="11.109375" style="126" customWidth="1"/>
    <col min="7939" max="7939" width="9" style="126" customWidth="1"/>
    <col min="7940" max="7940" width="17.6640625" style="126" customWidth="1"/>
    <col min="7941" max="7941" width="9" style="126" customWidth="1"/>
    <col min="7942" max="7942" width="9.77734375" style="126" customWidth="1"/>
    <col min="7943" max="8192" width="9" style="126"/>
    <col min="8193" max="8193" width="10.21875" style="126" customWidth="1"/>
    <col min="8194" max="8194" width="11.109375" style="126" customWidth="1"/>
    <col min="8195" max="8195" width="9" style="126" customWidth="1"/>
    <col min="8196" max="8196" width="17.6640625" style="126" customWidth="1"/>
    <col min="8197" max="8197" width="9" style="126" customWidth="1"/>
    <col min="8198" max="8198" width="9.77734375" style="126" customWidth="1"/>
    <col min="8199" max="8448" width="9" style="126"/>
    <col min="8449" max="8449" width="10.21875" style="126" customWidth="1"/>
    <col min="8450" max="8450" width="11.109375" style="126" customWidth="1"/>
    <col min="8451" max="8451" width="9" style="126" customWidth="1"/>
    <col min="8452" max="8452" width="17.6640625" style="126" customWidth="1"/>
    <col min="8453" max="8453" width="9" style="126" customWidth="1"/>
    <col min="8454" max="8454" width="9.77734375" style="126" customWidth="1"/>
    <col min="8455" max="8704" width="9" style="126"/>
    <col min="8705" max="8705" width="10.21875" style="126" customWidth="1"/>
    <col min="8706" max="8706" width="11.109375" style="126" customWidth="1"/>
    <col min="8707" max="8707" width="9" style="126" customWidth="1"/>
    <col min="8708" max="8708" width="17.6640625" style="126" customWidth="1"/>
    <col min="8709" max="8709" width="9" style="126" customWidth="1"/>
    <col min="8710" max="8710" width="9.77734375" style="126" customWidth="1"/>
    <col min="8711" max="8960" width="9" style="126"/>
    <col min="8961" max="8961" width="10.21875" style="126" customWidth="1"/>
    <col min="8962" max="8962" width="11.109375" style="126" customWidth="1"/>
    <col min="8963" max="8963" width="9" style="126" customWidth="1"/>
    <col min="8964" max="8964" width="17.6640625" style="126" customWidth="1"/>
    <col min="8965" max="8965" width="9" style="126" customWidth="1"/>
    <col min="8966" max="8966" width="9.77734375" style="126" customWidth="1"/>
    <col min="8967" max="9216" width="9" style="126"/>
    <col min="9217" max="9217" width="10.21875" style="126" customWidth="1"/>
    <col min="9218" max="9218" width="11.109375" style="126" customWidth="1"/>
    <col min="9219" max="9219" width="9" style="126" customWidth="1"/>
    <col min="9220" max="9220" width="17.6640625" style="126" customWidth="1"/>
    <col min="9221" max="9221" width="9" style="126" customWidth="1"/>
    <col min="9222" max="9222" width="9.77734375" style="126" customWidth="1"/>
    <col min="9223" max="9472" width="9" style="126"/>
    <col min="9473" max="9473" width="10.21875" style="126" customWidth="1"/>
    <col min="9474" max="9474" width="11.109375" style="126" customWidth="1"/>
    <col min="9475" max="9475" width="9" style="126" customWidth="1"/>
    <col min="9476" max="9476" width="17.6640625" style="126" customWidth="1"/>
    <col min="9477" max="9477" width="9" style="126" customWidth="1"/>
    <col min="9478" max="9478" width="9.77734375" style="126" customWidth="1"/>
    <col min="9479" max="9728" width="9" style="126"/>
    <col min="9729" max="9729" width="10.21875" style="126" customWidth="1"/>
    <col min="9730" max="9730" width="11.109375" style="126" customWidth="1"/>
    <col min="9731" max="9731" width="9" style="126" customWidth="1"/>
    <col min="9732" max="9732" width="17.6640625" style="126" customWidth="1"/>
    <col min="9733" max="9733" width="9" style="126" customWidth="1"/>
    <col min="9734" max="9734" width="9.77734375" style="126" customWidth="1"/>
    <col min="9735" max="9984" width="9" style="126"/>
    <col min="9985" max="9985" width="10.21875" style="126" customWidth="1"/>
    <col min="9986" max="9986" width="11.109375" style="126" customWidth="1"/>
    <col min="9987" max="9987" width="9" style="126" customWidth="1"/>
    <col min="9988" max="9988" width="17.6640625" style="126" customWidth="1"/>
    <col min="9989" max="9989" width="9" style="126" customWidth="1"/>
    <col min="9990" max="9990" width="9.77734375" style="126" customWidth="1"/>
    <col min="9991" max="10240" width="9" style="126"/>
    <col min="10241" max="10241" width="10.21875" style="126" customWidth="1"/>
    <col min="10242" max="10242" width="11.109375" style="126" customWidth="1"/>
    <col min="10243" max="10243" width="9" style="126" customWidth="1"/>
    <col min="10244" max="10244" width="17.6640625" style="126" customWidth="1"/>
    <col min="10245" max="10245" width="9" style="126" customWidth="1"/>
    <col min="10246" max="10246" width="9.77734375" style="126" customWidth="1"/>
    <col min="10247" max="10496" width="9" style="126"/>
    <col min="10497" max="10497" width="10.21875" style="126" customWidth="1"/>
    <col min="10498" max="10498" width="11.109375" style="126" customWidth="1"/>
    <col min="10499" max="10499" width="9" style="126" customWidth="1"/>
    <col min="10500" max="10500" width="17.6640625" style="126" customWidth="1"/>
    <col min="10501" max="10501" width="9" style="126" customWidth="1"/>
    <col min="10502" max="10502" width="9.77734375" style="126" customWidth="1"/>
    <col min="10503" max="10752" width="9" style="126"/>
    <col min="10753" max="10753" width="10.21875" style="126" customWidth="1"/>
    <col min="10754" max="10754" width="11.109375" style="126" customWidth="1"/>
    <col min="10755" max="10755" width="9" style="126" customWidth="1"/>
    <col min="10756" max="10756" width="17.6640625" style="126" customWidth="1"/>
    <col min="10757" max="10757" width="9" style="126" customWidth="1"/>
    <col min="10758" max="10758" width="9.77734375" style="126" customWidth="1"/>
    <col min="10759" max="11008" width="9" style="126"/>
    <col min="11009" max="11009" width="10.21875" style="126" customWidth="1"/>
    <col min="11010" max="11010" width="11.109375" style="126" customWidth="1"/>
    <col min="11011" max="11011" width="9" style="126" customWidth="1"/>
    <col min="11012" max="11012" width="17.6640625" style="126" customWidth="1"/>
    <col min="11013" max="11013" width="9" style="126" customWidth="1"/>
    <col min="11014" max="11014" width="9.77734375" style="126" customWidth="1"/>
    <col min="11015" max="11264" width="9" style="126"/>
    <col min="11265" max="11265" width="10.21875" style="126" customWidth="1"/>
    <col min="11266" max="11266" width="11.109375" style="126" customWidth="1"/>
    <col min="11267" max="11267" width="9" style="126" customWidth="1"/>
    <col min="11268" max="11268" width="17.6640625" style="126" customWidth="1"/>
    <col min="11269" max="11269" width="9" style="126" customWidth="1"/>
    <col min="11270" max="11270" width="9.77734375" style="126" customWidth="1"/>
    <col min="11271" max="11520" width="9" style="126"/>
    <col min="11521" max="11521" width="10.21875" style="126" customWidth="1"/>
    <col min="11522" max="11522" width="11.109375" style="126" customWidth="1"/>
    <col min="11523" max="11523" width="9" style="126" customWidth="1"/>
    <col min="11524" max="11524" width="17.6640625" style="126" customWidth="1"/>
    <col min="11525" max="11525" width="9" style="126" customWidth="1"/>
    <col min="11526" max="11526" width="9.77734375" style="126" customWidth="1"/>
    <col min="11527" max="11776" width="9" style="126"/>
    <col min="11777" max="11777" width="10.21875" style="126" customWidth="1"/>
    <col min="11778" max="11778" width="11.109375" style="126" customWidth="1"/>
    <col min="11779" max="11779" width="9" style="126" customWidth="1"/>
    <col min="11780" max="11780" width="17.6640625" style="126" customWidth="1"/>
    <col min="11781" max="11781" width="9" style="126" customWidth="1"/>
    <col min="11782" max="11782" width="9.77734375" style="126" customWidth="1"/>
    <col min="11783" max="12032" width="9" style="126"/>
    <col min="12033" max="12033" width="10.21875" style="126" customWidth="1"/>
    <col min="12034" max="12034" width="11.109375" style="126" customWidth="1"/>
    <col min="12035" max="12035" width="9" style="126" customWidth="1"/>
    <col min="12036" max="12036" width="17.6640625" style="126" customWidth="1"/>
    <col min="12037" max="12037" width="9" style="126" customWidth="1"/>
    <col min="12038" max="12038" width="9.77734375" style="126" customWidth="1"/>
    <col min="12039" max="12288" width="9" style="126"/>
    <col min="12289" max="12289" width="10.21875" style="126" customWidth="1"/>
    <col min="12290" max="12290" width="11.109375" style="126" customWidth="1"/>
    <col min="12291" max="12291" width="9" style="126" customWidth="1"/>
    <col min="12292" max="12292" width="17.6640625" style="126" customWidth="1"/>
    <col min="12293" max="12293" width="9" style="126" customWidth="1"/>
    <col min="12294" max="12294" width="9.77734375" style="126" customWidth="1"/>
    <col min="12295" max="12544" width="9" style="126"/>
    <col min="12545" max="12545" width="10.21875" style="126" customWidth="1"/>
    <col min="12546" max="12546" width="11.109375" style="126" customWidth="1"/>
    <col min="12547" max="12547" width="9" style="126" customWidth="1"/>
    <col min="12548" max="12548" width="17.6640625" style="126" customWidth="1"/>
    <col min="12549" max="12549" width="9" style="126" customWidth="1"/>
    <col min="12550" max="12550" width="9.77734375" style="126" customWidth="1"/>
    <col min="12551" max="12800" width="9" style="126"/>
    <col min="12801" max="12801" width="10.21875" style="126" customWidth="1"/>
    <col min="12802" max="12802" width="11.109375" style="126" customWidth="1"/>
    <col min="12803" max="12803" width="9" style="126" customWidth="1"/>
    <col min="12804" max="12804" width="17.6640625" style="126" customWidth="1"/>
    <col min="12805" max="12805" width="9" style="126" customWidth="1"/>
    <col min="12806" max="12806" width="9.77734375" style="126" customWidth="1"/>
    <col min="12807" max="13056" width="9" style="126"/>
    <col min="13057" max="13057" width="10.21875" style="126" customWidth="1"/>
    <col min="13058" max="13058" width="11.109375" style="126" customWidth="1"/>
    <col min="13059" max="13059" width="9" style="126" customWidth="1"/>
    <col min="13060" max="13060" width="17.6640625" style="126" customWidth="1"/>
    <col min="13061" max="13061" width="9" style="126" customWidth="1"/>
    <col min="13062" max="13062" width="9.77734375" style="126" customWidth="1"/>
    <col min="13063" max="13312" width="9" style="126"/>
    <col min="13313" max="13313" width="10.21875" style="126" customWidth="1"/>
    <col min="13314" max="13314" width="11.109375" style="126" customWidth="1"/>
    <col min="13315" max="13315" width="9" style="126" customWidth="1"/>
    <col min="13316" max="13316" width="17.6640625" style="126" customWidth="1"/>
    <col min="13317" max="13317" width="9" style="126" customWidth="1"/>
    <col min="13318" max="13318" width="9.77734375" style="126" customWidth="1"/>
    <col min="13319" max="13568" width="9" style="126"/>
    <col min="13569" max="13569" width="10.21875" style="126" customWidth="1"/>
    <col min="13570" max="13570" width="11.109375" style="126" customWidth="1"/>
    <col min="13571" max="13571" width="9" style="126" customWidth="1"/>
    <col min="13572" max="13572" width="17.6640625" style="126" customWidth="1"/>
    <col min="13573" max="13573" width="9" style="126" customWidth="1"/>
    <col min="13574" max="13574" width="9.77734375" style="126" customWidth="1"/>
    <col min="13575" max="13824" width="9" style="126"/>
    <col min="13825" max="13825" width="10.21875" style="126" customWidth="1"/>
    <col min="13826" max="13826" width="11.109375" style="126" customWidth="1"/>
    <col min="13827" max="13827" width="9" style="126" customWidth="1"/>
    <col min="13828" max="13828" width="17.6640625" style="126" customWidth="1"/>
    <col min="13829" max="13829" width="9" style="126" customWidth="1"/>
    <col min="13830" max="13830" width="9.77734375" style="126" customWidth="1"/>
    <col min="13831" max="14080" width="9" style="126"/>
    <col min="14081" max="14081" width="10.21875" style="126" customWidth="1"/>
    <col min="14082" max="14082" width="11.109375" style="126" customWidth="1"/>
    <col min="14083" max="14083" width="9" style="126" customWidth="1"/>
    <col min="14084" max="14084" width="17.6640625" style="126" customWidth="1"/>
    <col min="14085" max="14085" width="9" style="126" customWidth="1"/>
    <col min="14086" max="14086" width="9.77734375" style="126" customWidth="1"/>
    <col min="14087" max="14336" width="9" style="126"/>
    <col min="14337" max="14337" width="10.21875" style="126" customWidth="1"/>
    <col min="14338" max="14338" width="11.109375" style="126" customWidth="1"/>
    <col min="14339" max="14339" width="9" style="126" customWidth="1"/>
    <col min="14340" max="14340" width="17.6640625" style="126" customWidth="1"/>
    <col min="14341" max="14341" width="9" style="126" customWidth="1"/>
    <col min="14342" max="14342" width="9.77734375" style="126" customWidth="1"/>
    <col min="14343" max="14592" width="9" style="126"/>
    <col min="14593" max="14593" width="10.21875" style="126" customWidth="1"/>
    <col min="14594" max="14594" width="11.109375" style="126" customWidth="1"/>
    <col min="14595" max="14595" width="9" style="126" customWidth="1"/>
    <col min="14596" max="14596" width="17.6640625" style="126" customWidth="1"/>
    <col min="14597" max="14597" width="9" style="126" customWidth="1"/>
    <col min="14598" max="14598" width="9.77734375" style="126" customWidth="1"/>
    <col min="14599" max="14848" width="9" style="126"/>
    <col min="14849" max="14849" width="10.21875" style="126" customWidth="1"/>
    <col min="14850" max="14850" width="11.109375" style="126" customWidth="1"/>
    <col min="14851" max="14851" width="9" style="126" customWidth="1"/>
    <col min="14852" max="14852" width="17.6640625" style="126" customWidth="1"/>
    <col min="14853" max="14853" width="9" style="126" customWidth="1"/>
    <col min="14854" max="14854" width="9.77734375" style="126" customWidth="1"/>
    <col min="14855" max="15104" width="9" style="126"/>
    <col min="15105" max="15105" width="10.21875" style="126" customWidth="1"/>
    <col min="15106" max="15106" width="11.109375" style="126" customWidth="1"/>
    <col min="15107" max="15107" width="9" style="126" customWidth="1"/>
    <col min="15108" max="15108" width="17.6640625" style="126" customWidth="1"/>
    <col min="15109" max="15109" width="9" style="126" customWidth="1"/>
    <col min="15110" max="15110" width="9.77734375" style="126" customWidth="1"/>
    <col min="15111" max="15360" width="9" style="126"/>
    <col min="15361" max="15361" width="10.21875" style="126" customWidth="1"/>
    <col min="15362" max="15362" width="11.109375" style="126" customWidth="1"/>
    <col min="15363" max="15363" width="9" style="126" customWidth="1"/>
    <col min="15364" max="15364" width="17.6640625" style="126" customWidth="1"/>
    <col min="15365" max="15365" width="9" style="126" customWidth="1"/>
    <col min="15366" max="15366" width="9.77734375" style="126" customWidth="1"/>
    <col min="15367" max="15616" width="9" style="126"/>
    <col min="15617" max="15617" width="10.21875" style="126" customWidth="1"/>
    <col min="15618" max="15618" width="11.109375" style="126" customWidth="1"/>
    <col min="15619" max="15619" width="9" style="126" customWidth="1"/>
    <col min="15620" max="15620" width="17.6640625" style="126" customWidth="1"/>
    <col min="15621" max="15621" width="9" style="126" customWidth="1"/>
    <col min="15622" max="15622" width="9.77734375" style="126" customWidth="1"/>
    <col min="15623" max="15872" width="9" style="126"/>
    <col min="15873" max="15873" width="10.21875" style="126" customWidth="1"/>
    <col min="15874" max="15874" width="11.109375" style="126" customWidth="1"/>
    <col min="15875" max="15875" width="9" style="126" customWidth="1"/>
    <col min="15876" max="15876" width="17.6640625" style="126" customWidth="1"/>
    <col min="15877" max="15877" width="9" style="126" customWidth="1"/>
    <col min="15878" max="15878" width="9.77734375" style="126" customWidth="1"/>
    <col min="15879" max="16128" width="9" style="126"/>
    <col min="16129" max="16129" width="10.21875" style="126" customWidth="1"/>
    <col min="16130" max="16130" width="11.109375" style="126" customWidth="1"/>
    <col min="16131" max="16131" width="9" style="126" customWidth="1"/>
    <col min="16132" max="16132" width="17.6640625" style="126" customWidth="1"/>
    <col min="16133" max="16133" width="9" style="126" customWidth="1"/>
    <col min="16134" max="16134" width="9.77734375" style="126" customWidth="1"/>
    <col min="16135" max="16384" width="9" style="126"/>
  </cols>
  <sheetData>
    <row r="1" spans="1:11" ht="18" customHeight="1">
      <c r="A1" s="42" t="s">
        <v>114</v>
      </c>
      <c r="B1" s="77"/>
      <c r="C1" s="77"/>
      <c r="D1" s="77"/>
      <c r="E1" s="77"/>
      <c r="F1" s="77"/>
      <c r="G1" s="77"/>
      <c r="H1" s="77"/>
      <c r="I1" s="77"/>
    </row>
    <row r="2" spans="1:11" s="653" customFormat="1" ht="13.5" customHeight="1">
      <c r="A2" s="650" t="s">
        <v>878</v>
      </c>
      <c r="B2" s="651"/>
      <c r="C2" s="651"/>
      <c r="D2" s="652"/>
      <c r="E2" s="652"/>
      <c r="F2" s="652"/>
      <c r="G2" s="652"/>
      <c r="H2" s="652"/>
      <c r="I2" s="652"/>
      <c r="J2" s="652"/>
      <c r="K2" s="652"/>
    </row>
    <row r="3" spans="1:11" s="653" customFormat="1" ht="13.5" customHeight="1">
      <c r="A3" s="650" t="s">
        <v>879</v>
      </c>
      <c r="B3" s="651"/>
      <c r="C3" s="651"/>
      <c r="D3" s="651"/>
      <c r="E3" s="652"/>
      <c r="F3" s="652"/>
      <c r="G3" s="652"/>
      <c r="H3" s="652"/>
      <c r="I3" s="652"/>
      <c r="J3" s="652"/>
      <c r="K3" s="652"/>
    </row>
    <row r="4" spans="1:11" ht="10.5" customHeight="1">
      <c r="A4" s="78"/>
      <c r="B4" s="78"/>
      <c r="C4" s="78"/>
      <c r="D4" s="78"/>
    </row>
    <row r="5" spans="1:11" s="94" customFormat="1" ht="18" customHeight="1">
      <c r="A5" s="126"/>
      <c r="B5" s="126"/>
      <c r="C5" s="126"/>
      <c r="D5" s="126"/>
      <c r="E5" s="126"/>
      <c r="F5" s="126"/>
      <c r="G5" s="126"/>
      <c r="H5" s="126"/>
    </row>
    <row r="6" spans="1:11" ht="15.75" customHeight="1" thickBot="1">
      <c r="A6" s="127" t="s">
        <v>115</v>
      </c>
      <c r="D6" s="128"/>
      <c r="E6" s="657" t="s">
        <v>891</v>
      </c>
      <c r="F6" s="658"/>
      <c r="G6" s="658"/>
    </row>
    <row r="7" spans="1:11" ht="43.5" customHeight="1">
      <c r="A7" s="1024" t="s">
        <v>116</v>
      </c>
      <c r="B7" s="1025"/>
      <c r="C7" s="1030" t="s">
        <v>117</v>
      </c>
      <c r="D7" s="1031"/>
      <c r="E7" s="769"/>
      <c r="F7" s="656" t="s">
        <v>886</v>
      </c>
      <c r="G7" s="1032" t="s">
        <v>890</v>
      </c>
      <c r="H7" s="1033"/>
    </row>
    <row r="8" spans="1:11" ht="25.8" customHeight="1">
      <c r="A8" s="1026"/>
      <c r="B8" s="1027"/>
      <c r="C8" s="1040" t="s">
        <v>880</v>
      </c>
      <c r="D8" s="1041"/>
      <c r="E8" s="770"/>
      <c r="F8" s="654" t="s">
        <v>886</v>
      </c>
      <c r="G8" s="1034" t="s">
        <v>890</v>
      </c>
      <c r="H8" s="1035"/>
    </row>
    <row r="9" spans="1:11" ht="25.8" customHeight="1">
      <c r="A9" s="1026"/>
      <c r="B9" s="1027"/>
      <c r="C9" s="1036" t="s">
        <v>881</v>
      </c>
      <c r="D9" s="1037"/>
      <c r="E9" s="770"/>
      <c r="F9" s="655" t="s">
        <v>886</v>
      </c>
      <c r="G9" s="1038" t="s">
        <v>890</v>
      </c>
      <c r="H9" s="1039"/>
    </row>
    <row r="10" spans="1:11" ht="25.8" customHeight="1">
      <c r="A10" s="1026"/>
      <c r="B10" s="1027"/>
      <c r="C10" s="1040" t="s">
        <v>882</v>
      </c>
      <c r="D10" s="1041"/>
      <c r="E10" s="770"/>
      <c r="F10" s="655" t="s">
        <v>887</v>
      </c>
      <c r="G10" s="1038" t="s">
        <v>890</v>
      </c>
      <c r="H10" s="1039"/>
    </row>
    <row r="11" spans="1:11" ht="25.8" customHeight="1">
      <c r="A11" s="1028"/>
      <c r="B11" s="1029"/>
      <c r="C11" s="1040" t="s">
        <v>883</v>
      </c>
      <c r="D11" s="1041"/>
      <c r="E11" s="770"/>
      <c r="F11" s="655" t="s">
        <v>888</v>
      </c>
      <c r="G11" s="1038" t="s">
        <v>890</v>
      </c>
      <c r="H11" s="1039"/>
    </row>
    <row r="12" spans="1:11" ht="25.8" customHeight="1">
      <c r="A12" s="1042" t="s">
        <v>118</v>
      </c>
      <c r="B12" s="1043"/>
      <c r="C12" s="1046" t="s">
        <v>884</v>
      </c>
      <c r="D12" s="1047"/>
      <c r="E12" s="770"/>
      <c r="F12" s="655" t="s">
        <v>889</v>
      </c>
      <c r="G12" s="1038" t="s">
        <v>890</v>
      </c>
      <c r="H12" s="1039"/>
    </row>
    <row r="13" spans="1:11" ht="25.8" customHeight="1" thickBot="1">
      <c r="A13" s="1044"/>
      <c r="B13" s="1045"/>
      <c r="C13" s="1048"/>
      <c r="D13" s="1049"/>
      <c r="E13" s="1056" t="s">
        <v>885</v>
      </c>
      <c r="F13" s="1057"/>
      <c r="G13" s="1058"/>
      <c r="H13" s="1059"/>
    </row>
    <row r="14" spans="1:11" ht="14.25" customHeight="1">
      <c r="A14" s="129"/>
      <c r="B14" s="129"/>
      <c r="C14" s="130"/>
      <c r="D14" s="130"/>
      <c r="E14" s="131"/>
      <c r="F14" s="131"/>
      <c r="G14" s="131"/>
      <c r="H14" s="132"/>
    </row>
    <row r="15" spans="1:11" s="94" customFormat="1" ht="18" customHeight="1">
      <c r="A15" s="126"/>
      <c r="B15" s="126"/>
      <c r="C15" s="126"/>
      <c r="D15" s="126"/>
      <c r="E15" s="126"/>
      <c r="F15" s="126"/>
      <c r="G15" s="126"/>
      <c r="H15" s="126"/>
    </row>
    <row r="16" spans="1:11" ht="18" customHeight="1" thickBot="1">
      <c r="A16" s="133" t="s">
        <v>119</v>
      </c>
      <c r="B16" s="134"/>
      <c r="C16" s="134"/>
      <c r="D16" s="134"/>
      <c r="E16" s="134"/>
      <c r="F16" s="134"/>
      <c r="G16" s="134"/>
      <c r="H16" s="134"/>
      <c r="I16" s="134"/>
    </row>
    <row r="17" spans="1:9" ht="20.100000000000001" customHeight="1">
      <c r="A17" s="1050" t="s">
        <v>120</v>
      </c>
      <c r="B17" s="1051"/>
      <c r="C17" s="135" t="s">
        <v>121</v>
      </c>
      <c r="D17" s="135"/>
      <c r="E17" s="136"/>
      <c r="F17" s="604" t="s">
        <v>893</v>
      </c>
      <c r="G17" s="604"/>
      <c r="H17" s="605"/>
      <c r="I17" s="134"/>
    </row>
    <row r="18" spans="1:9" ht="20.100000000000001" customHeight="1">
      <c r="A18" s="1052"/>
      <c r="B18" s="1053"/>
      <c r="C18" s="1060" t="s">
        <v>892</v>
      </c>
      <c r="D18" s="1061"/>
      <c r="E18" s="1054"/>
      <c r="F18" s="1055"/>
      <c r="G18" s="1055"/>
      <c r="H18" s="1055"/>
      <c r="I18" s="134"/>
    </row>
    <row r="19" spans="1:9" ht="20.100000000000001" customHeight="1">
      <c r="A19" s="1052"/>
      <c r="B19" s="1053"/>
      <c r="C19" s="137" t="s">
        <v>122</v>
      </c>
      <c r="D19" s="137"/>
      <c r="E19" s="659"/>
      <c r="F19" s="602"/>
      <c r="G19" s="602"/>
      <c r="H19" s="603"/>
      <c r="I19" s="134"/>
    </row>
    <row r="20" spans="1:9" ht="20.100000000000001" customHeight="1">
      <c r="A20" s="1052"/>
      <c r="B20" s="1053"/>
      <c r="C20" s="137" t="s">
        <v>123</v>
      </c>
      <c r="D20" s="137"/>
      <c r="E20" s="659"/>
      <c r="F20" s="602" t="s">
        <v>894</v>
      </c>
      <c r="G20" s="602"/>
      <c r="H20" s="603"/>
      <c r="I20" s="134"/>
    </row>
    <row r="21" spans="1:9" ht="20.100000000000001" customHeight="1">
      <c r="A21" s="1052"/>
      <c r="B21" s="1053"/>
      <c r="C21" s="137" t="s">
        <v>124</v>
      </c>
      <c r="D21" s="137"/>
      <c r="E21" s="659"/>
      <c r="F21" s="602" t="s">
        <v>894</v>
      </c>
      <c r="G21" s="602"/>
      <c r="H21" s="603"/>
      <c r="I21" s="134"/>
    </row>
    <row r="22" spans="1:9" ht="20.100000000000001" customHeight="1">
      <c r="A22" s="1052"/>
      <c r="B22" s="1053"/>
      <c r="C22" s="137" t="s">
        <v>125</v>
      </c>
      <c r="D22" s="137"/>
      <c r="E22" s="659"/>
      <c r="F22" s="602"/>
      <c r="G22" s="602"/>
      <c r="H22" s="603"/>
      <c r="I22" s="134"/>
    </row>
    <row r="23" spans="1:9" ht="20.100000000000001" customHeight="1">
      <c r="A23" s="1062" t="s">
        <v>126</v>
      </c>
      <c r="B23" s="1063"/>
      <c r="C23" s="137" t="s">
        <v>127</v>
      </c>
      <c r="D23" s="137"/>
      <c r="E23" s="659"/>
      <c r="F23" s="602" t="s">
        <v>894</v>
      </c>
      <c r="G23" s="602"/>
      <c r="H23" s="603"/>
      <c r="I23" s="134"/>
    </row>
    <row r="24" spans="1:9" ht="20.100000000000001" customHeight="1">
      <c r="A24" s="1064"/>
      <c r="B24" s="1063"/>
      <c r="C24" s="137" t="s">
        <v>128</v>
      </c>
      <c r="D24" s="137"/>
      <c r="E24" s="659"/>
      <c r="F24" s="602"/>
      <c r="G24" s="602"/>
      <c r="H24" s="603"/>
      <c r="I24" s="134"/>
    </row>
    <row r="25" spans="1:9" ht="20.100000000000001" customHeight="1" thickBot="1">
      <c r="A25" s="1065"/>
      <c r="B25" s="1066"/>
      <c r="C25" s="138" t="s">
        <v>129</v>
      </c>
      <c r="D25" s="138"/>
      <c r="E25" s="1067"/>
      <c r="F25" s="1068"/>
      <c r="G25" s="1068"/>
      <c r="H25" s="1069"/>
      <c r="I25" s="134"/>
    </row>
    <row r="26" spans="1:9" ht="12.75" customHeight="1">
      <c r="A26" s="134"/>
      <c r="B26" s="134"/>
      <c r="C26" s="134"/>
      <c r="D26" s="134"/>
      <c r="E26" s="134"/>
      <c r="F26" s="134"/>
      <c r="G26" s="134"/>
      <c r="H26" s="134"/>
      <c r="I26" s="134"/>
    </row>
    <row r="27" spans="1:9" ht="18" customHeight="1" thickBot="1">
      <c r="A27" s="133" t="s">
        <v>130</v>
      </c>
      <c r="B27" s="134"/>
      <c r="C27" s="134"/>
      <c r="D27" s="134"/>
      <c r="E27" s="134"/>
      <c r="F27" s="134"/>
      <c r="G27" s="134"/>
      <c r="H27" s="134"/>
      <c r="I27" s="134"/>
    </row>
    <row r="28" spans="1:9" ht="20.100000000000001" customHeight="1">
      <c r="A28" s="139" t="s">
        <v>131</v>
      </c>
      <c r="B28" s="140"/>
      <c r="C28" s="141"/>
      <c r="D28" s="142"/>
      <c r="E28" s="142" t="s">
        <v>132</v>
      </c>
      <c r="F28" s="142"/>
      <c r="G28" s="142"/>
      <c r="H28" s="143"/>
      <c r="I28" s="134"/>
    </row>
    <row r="29" spans="1:9" ht="20.100000000000001" customHeight="1">
      <c r="A29" s="144" t="s">
        <v>133</v>
      </c>
      <c r="B29" s="145"/>
      <c r="C29" s="146"/>
      <c r="D29" s="147"/>
      <c r="E29" s="147"/>
      <c r="F29" s="147"/>
      <c r="G29" s="147"/>
      <c r="H29" s="148"/>
      <c r="I29" s="134"/>
    </row>
    <row r="30" spans="1:9" ht="20.100000000000001" customHeight="1">
      <c r="A30" s="144" t="s">
        <v>134</v>
      </c>
      <c r="B30" s="145"/>
      <c r="C30" s="146"/>
      <c r="D30" s="147"/>
      <c r="E30" s="147"/>
      <c r="F30" s="147"/>
      <c r="G30" s="147"/>
      <c r="H30" s="148"/>
      <c r="I30" s="134"/>
    </row>
    <row r="31" spans="1:9" ht="20.100000000000001" customHeight="1">
      <c r="A31" s="144" t="s">
        <v>135</v>
      </c>
      <c r="B31" s="149"/>
      <c r="C31" s="146" t="s">
        <v>136</v>
      </c>
      <c r="D31" s="147"/>
      <c r="E31" s="147"/>
      <c r="F31" s="147"/>
      <c r="G31" s="147"/>
      <c r="H31" s="148"/>
      <c r="I31" s="134"/>
    </row>
    <row r="32" spans="1:9" ht="18.75" customHeight="1">
      <c r="A32" s="1070" t="s">
        <v>137</v>
      </c>
      <c r="B32" s="1073" t="s">
        <v>138</v>
      </c>
      <c r="C32" s="1074"/>
      <c r="D32" s="1075"/>
      <c r="E32" s="150" t="s">
        <v>139</v>
      </c>
      <c r="F32" s="150" t="s">
        <v>140</v>
      </c>
      <c r="G32" s="150"/>
      <c r="H32" s="151"/>
      <c r="I32" s="134"/>
    </row>
    <row r="33" spans="1:9" ht="18.75" customHeight="1">
      <c r="A33" s="1071"/>
      <c r="B33" s="1076"/>
      <c r="C33" s="1077"/>
      <c r="D33" s="1078"/>
      <c r="E33" s="152" t="s">
        <v>141</v>
      </c>
      <c r="F33" s="152" t="s">
        <v>140</v>
      </c>
      <c r="G33" s="152"/>
      <c r="H33" s="153"/>
      <c r="I33" s="134"/>
    </row>
    <row r="34" spans="1:9" ht="18.75" customHeight="1">
      <c r="A34" s="1071"/>
      <c r="B34" s="1073" t="s">
        <v>142</v>
      </c>
      <c r="C34" s="1074"/>
      <c r="D34" s="1075"/>
      <c r="E34" s="150" t="s">
        <v>143</v>
      </c>
      <c r="F34" s="150" t="s">
        <v>140</v>
      </c>
      <c r="G34" s="150"/>
      <c r="H34" s="151"/>
      <c r="I34" s="134"/>
    </row>
    <row r="35" spans="1:9" ht="18.75" customHeight="1">
      <c r="A35" s="1071"/>
      <c r="B35" s="1079"/>
      <c r="C35" s="1080"/>
      <c r="D35" s="1081"/>
      <c r="E35" s="154" t="s">
        <v>139</v>
      </c>
      <c r="F35" s="154" t="s">
        <v>140</v>
      </c>
      <c r="G35" s="154"/>
      <c r="H35" s="155"/>
      <c r="I35" s="134"/>
    </row>
    <row r="36" spans="1:9" ht="18.75" customHeight="1" thickBot="1">
      <c r="A36" s="1072"/>
      <c r="B36" s="1082"/>
      <c r="C36" s="1083"/>
      <c r="D36" s="1084"/>
      <c r="E36" s="156" t="s">
        <v>141</v>
      </c>
      <c r="F36" s="156" t="s">
        <v>140</v>
      </c>
      <c r="G36" s="156"/>
      <c r="H36" s="157"/>
      <c r="I36" s="134"/>
    </row>
    <row r="38" spans="1:9" s="94" customFormat="1" ht="13.2">
      <c r="A38" s="126"/>
      <c r="B38" s="126"/>
      <c r="C38" s="126"/>
      <c r="D38" s="126"/>
      <c r="E38" s="126"/>
      <c r="F38" s="126"/>
      <c r="G38" s="126"/>
      <c r="H38" s="126"/>
      <c r="I38" s="77"/>
    </row>
    <row r="39" spans="1:9" s="94" customFormat="1" ht="18" customHeight="1">
      <c r="A39" s="126"/>
      <c r="B39" s="126"/>
      <c r="C39" s="126"/>
      <c r="D39" s="126"/>
      <c r="E39" s="126"/>
      <c r="F39" s="126"/>
      <c r="G39" s="126"/>
      <c r="H39" s="126"/>
    </row>
    <row r="40" spans="1:9" s="94" customFormat="1" ht="18" customHeight="1">
      <c r="A40" s="126"/>
      <c r="B40" s="126"/>
      <c r="C40" s="126"/>
      <c r="D40" s="126"/>
      <c r="E40" s="126"/>
      <c r="F40" s="126"/>
      <c r="G40" s="126"/>
      <c r="H40" s="126"/>
    </row>
    <row r="41" spans="1:9" s="94" customFormat="1" ht="18" customHeight="1">
      <c r="A41" s="126"/>
      <c r="B41" s="126"/>
      <c r="C41" s="126"/>
      <c r="D41" s="126"/>
      <c r="E41" s="126"/>
      <c r="F41" s="126"/>
      <c r="G41" s="126"/>
      <c r="H41" s="126"/>
    </row>
    <row r="42" spans="1:9" s="94" customFormat="1" ht="18" customHeight="1">
      <c r="A42" s="126"/>
      <c r="B42" s="126"/>
      <c r="C42" s="126"/>
      <c r="D42" s="126"/>
      <c r="E42" s="126"/>
      <c r="F42" s="126"/>
      <c r="G42" s="126"/>
      <c r="H42" s="126"/>
    </row>
    <row r="43" spans="1:9" s="94" customFormat="1" ht="18" customHeight="1">
      <c r="A43" s="126"/>
      <c r="B43" s="126"/>
      <c r="C43" s="126"/>
      <c r="D43" s="126"/>
      <c r="E43" s="126"/>
      <c r="F43" s="126"/>
      <c r="G43" s="126"/>
      <c r="H43" s="126"/>
    </row>
    <row r="44" spans="1:9">
      <c r="A44" s="128"/>
      <c r="B44" s="128"/>
      <c r="C44" s="128"/>
      <c r="D44" s="128"/>
      <c r="E44" s="128"/>
      <c r="F44" s="128"/>
      <c r="G44" s="128"/>
      <c r="H44" s="128"/>
    </row>
    <row r="45" spans="1:9" ht="20.100000000000001" customHeight="1">
      <c r="A45" s="128"/>
      <c r="B45" s="128"/>
      <c r="C45" s="128"/>
      <c r="D45" s="128"/>
      <c r="E45" s="128"/>
      <c r="F45" s="128"/>
      <c r="G45" s="158"/>
      <c r="H45" s="128"/>
    </row>
    <row r="46" spans="1:9" ht="20.100000000000001" customHeight="1">
      <c r="A46" s="128"/>
      <c r="B46" s="128"/>
      <c r="C46" s="128"/>
      <c r="D46" s="128"/>
      <c r="E46" s="128"/>
      <c r="F46" s="128"/>
      <c r="G46" s="128"/>
      <c r="H46" s="128"/>
    </row>
    <row r="47" spans="1:9" ht="20.100000000000001" customHeight="1">
      <c r="A47" s="128"/>
      <c r="B47" s="128"/>
      <c r="C47" s="128"/>
      <c r="D47" s="128"/>
      <c r="E47" s="128"/>
      <c r="F47" s="128"/>
      <c r="G47" s="128"/>
      <c r="H47" s="128"/>
    </row>
    <row r="48" spans="1:9" ht="20.100000000000001" customHeight="1">
      <c r="A48" s="128"/>
      <c r="B48" s="128"/>
      <c r="C48" s="128"/>
      <c r="D48" s="128"/>
      <c r="E48" s="128"/>
      <c r="F48" s="128"/>
      <c r="G48" s="128"/>
      <c r="H48" s="128"/>
    </row>
    <row r="49" spans="1:8">
      <c r="A49" s="158"/>
      <c r="B49" s="128"/>
      <c r="C49" s="128"/>
      <c r="D49" s="128"/>
      <c r="E49" s="128"/>
      <c r="F49" s="128"/>
      <c r="G49" s="128"/>
      <c r="H49" s="128"/>
    </row>
    <row r="50" spans="1:8">
      <c r="A50" s="158"/>
      <c r="B50" s="128"/>
      <c r="C50" s="128"/>
      <c r="D50" s="128"/>
      <c r="E50" s="128"/>
      <c r="F50" s="128"/>
      <c r="G50" s="128"/>
      <c r="H50" s="128"/>
    </row>
    <row r="51" spans="1:8">
      <c r="A51" s="159"/>
    </row>
  </sheetData>
  <mergeCells count="24">
    <mergeCell ref="A23:B25"/>
    <mergeCell ref="E25:H25"/>
    <mergeCell ref="A32:A36"/>
    <mergeCell ref="B32:D33"/>
    <mergeCell ref="B34:D36"/>
    <mergeCell ref="A12:B13"/>
    <mergeCell ref="C12:D13"/>
    <mergeCell ref="G12:H12"/>
    <mergeCell ref="A17:B22"/>
    <mergeCell ref="E18:H18"/>
    <mergeCell ref="E13:F13"/>
    <mergeCell ref="G13:H13"/>
    <mergeCell ref="C18:D18"/>
    <mergeCell ref="A7:B11"/>
    <mergeCell ref="C7:D7"/>
    <mergeCell ref="G7:H7"/>
    <mergeCell ref="G8:H8"/>
    <mergeCell ref="C9:D9"/>
    <mergeCell ref="G9:H9"/>
    <mergeCell ref="G10:H10"/>
    <mergeCell ref="G11:H11"/>
    <mergeCell ref="C8:D8"/>
    <mergeCell ref="C10:D10"/>
    <mergeCell ref="C11:D11"/>
  </mergeCells>
  <phoneticPr fontId="3"/>
  <dataValidations count="6">
    <dataValidation type="list" imeMode="on" allowBlank="1" showInputMessage="1" promptTitle="報告の有無" prompt="リストから選択してください。" sqref="E11" xr:uid="{103CA408-D8F2-4470-93E6-2DD8D0A8D988}">
      <formula1>"有,無,－,"</formula1>
    </dataValidation>
    <dataValidation type="list" imeMode="on" allowBlank="1" showInputMessage="1" promptTitle="設置の有無" prompt="リストから選択してください。" sqref="E10" xr:uid="{027A2BC6-BAC3-43DF-B4C8-D6E40CA068AD}">
      <formula1>"有,無,－,"</formula1>
    </dataValidation>
    <dataValidation type="list" imeMode="on" allowBlank="1" showInputMessage="1" promptTitle="提出の有無" prompt="リストから選択してください。" sqref="E7:E9" xr:uid="{9041885D-D8F7-43C2-9486-A6227740D21F}">
      <formula1>"有,無,－,"</formula1>
    </dataValidation>
    <dataValidation type="list" imeMode="on" allowBlank="1" showInputMessage="1" promptTitle="選任の有無" prompt="リストから選択してください。" sqref="E12" xr:uid="{C8A463D1-AAD1-463F-9A57-DBF0DCBE47BD}">
      <formula1>"有,無,－,"</formula1>
    </dataValidation>
    <dataValidation type="list" allowBlank="1" showInputMessage="1" promptTitle="明記の有無" prompt="リストから選択してください。" sqref="G13:H13" xr:uid="{B557E31E-1B69-47BE-B344-1013AE330B10}">
      <formula1>"有,無,"</formula1>
    </dataValidation>
    <dataValidation type="list" imeMode="on" allowBlank="1" showInputMessage="1" promptTitle="受水槽の位置" prompt="リストから選択してください。" sqref="E18" xr:uid="{F4EDB185-053F-43D0-83BC-61FC09B2EFBD}">
      <formula1>"地下,地上,その他,"</formula1>
    </dataValidation>
  </dataValidations>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1505" r:id="rId4" name="Check Box 1">
              <controlPr defaultSize="0" autoFill="0" autoLine="0" autoPict="0">
                <anchor moveWithCells="1">
                  <from>
                    <xdr:col>3</xdr:col>
                    <xdr:colOff>381000</xdr:colOff>
                    <xdr:row>0</xdr:row>
                    <xdr:rowOff>175260</xdr:rowOff>
                  </from>
                  <to>
                    <xdr:col>4</xdr:col>
                    <xdr:colOff>45720</xdr:colOff>
                    <xdr:row>2</xdr:row>
                    <xdr:rowOff>53340</xdr:rowOff>
                  </to>
                </anchor>
              </controlPr>
            </control>
          </mc:Choice>
        </mc:AlternateContent>
        <mc:AlternateContent xmlns:mc="http://schemas.openxmlformats.org/markup-compatibility/2006">
          <mc:Choice Requires="x14">
            <control shapeId="21506" r:id="rId5" name="Check Box 2">
              <controlPr defaultSize="0" autoFill="0" autoLine="0" autoPict="0">
                <anchor moveWithCells="1">
                  <from>
                    <xdr:col>4</xdr:col>
                    <xdr:colOff>106680</xdr:colOff>
                    <xdr:row>0</xdr:row>
                    <xdr:rowOff>205740</xdr:rowOff>
                  </from>
                  <to>
                    <xdr:col>5</xdr:col>
                    <xdr:colOff>434340</xdr:colOff>
                    <xdr:row>2</xdr:row>
                    <xdr:rowOff>38100</xdr:rowOff>
                  </to>
                </anchor>
              </controlPr>
            </control>
          </mc:Choice>
        </mc:AlternateContent>
        <mc:AlternateContent xmlns:mc="http://schemas.openxmlformats.org/markup-compatibility/2006">
          <mc:Choice Requires="x14">
            <control shapeId="21507" r:id="rId6" name="Check Box 3">
              <controlPr defaultSize="0" autoFill="0" autoLine="0" autoPict="0">
                <anchor moveWithCells="1">
                  <from>
                    <xdr:col>3</xdr:col>
                    <xdr:colOff>381000</xdr:colOff>
                    <xdr:row>1</xdr:row>
                    <xdr:rowOff>129540</xdr:rowOff>
                  </from>
                  <to>
                    <xdr:col>4</xdr:col>
                    <xdr:colOff>45720</xdr:colOff>
                    <xdr:row>3</xdr:row>
                    <xdr:rowOff>68580</xdr:rowOff>
                  </to>
                </anchor>
              </controlPr>
            </control>
          </mc:Choice>
        </mc:AlternateContent>
        <mc:AlternateContent xmlns:mc="http://schemas.openxmlformats.org/markup-compatibility/2006">
          <mc:Choice Requires="x14">
            <control shapeId="21508" r:id="rId7" name="Check Box 4">
              <controlPr defaultSize="0" autoFill="0" autoLine="0" autoPict="0">
                <anchor moveWithCells="1">
                  <from>
                    <xdr:col>4</xdr:col>
                    <xdr:colOff>106680</xdr:colOff>
                    <xdr:row>1</xdr:row>
                    <xdr:rowOff>160020</xdr:rowOff>
                  </from>
                  <to>
                    <xdr:col>5</xdr:col>
                    <xdr:colOff>434340</xdr:colOff>
                    <xdr:row>3</xdr:row>
                    <xdr:rowOff>53340</xdr:rowOff>
                  </to>
                </anchor>
              </controlPr>
            </control>
          </mc:Choice>
        </mc:AlternateContent>
        <mc:AlternateContent xmlns:mc="http://schemas.openxmlformats.org/markup-compatibility/2006">
          <mc:Choice Requires="x14">
            <control shapeId="21512" r:id="rId8" name="Check Box 8">
              <controlPr defaultSize="0" autoFill="0" autoLine="0" autoPict="0">
                <anchor moveWithCells="1">
                  <from>
                    <xdr:col>7</xdr:col>
                    <xdr:colOff>144780</xdr:colOff>
                    <xdr:row>16</xdr:row>
                    <xdr:rowOff>15240</xdr:rowOff>
                  </from>
                  <to>
                    <xdr:col>7</xdr:col>
                    <xdr:colOff>563880</xdr:colOff>
                    <xdr:row>16</xdr:row>
                    <xdr:rowOff>243840</xdr:rowOff>
                  </to>
                </anchor>
              </controlPr>
            </control>
          </mc:Choice>
        </mc:AlternateContent>
        <mc:AlternateContent xmlns:mc="http://schemas.openxmlformats.org/markup-compatibility/2006">
          <mc:Choice Requires="x14">
            <control shapeId="21513" r:id="rId9" name="Check Box 9">
              <controlPr defaultSize="0" autoFill="0" autoLine="0" autoPict="0">
                <anchor moveWithCells="1">
                  <from>
                    <xdr:col>4</xdr:col>
                    <xdr:colOff>190500</xdr:colOff>
                    <xdr:row>15</xdr:row>
                    <xdr:rowOff>220980</xdr:rowOff>
                  </from>
                  <to>
                    <xdr:col>5</xdr:col>
                    <xdr:colOff>15240</xdr:colOff>
                    <xdr:row>17</xdr:row>
                    <xdr:rowOff>7620</xdr:rowOff>
                  </to>
                </anchor>
              </controlPr>
            </control>
          </mc:Choice>
        </mc:AlternateContent>
        <mc:AlternateContent xmlns:mc="http://schemas.openxmlformats.org/markup-compatibility/2006">
          <mc:Choice Requires="x14">
            <control shapeId="21514" r:id="rId10" name="Check Box 10">
              <controlPr defaultSize="0" autoFill="0" autoLine="0" autoPict="0">
                <anchor moveWithCells="1">
                  <from>
                    <xdr:col>7</xdr:col>
                    <xdr:colOff>144780</xdr:colOff>
                    <xdr:row>18</xdr:row>
                    <xdr:rowOff>15240</xdr:rowOff>
                  </from>
                  <to>
                    <xdr:col>7</xdr:col>
                    <xdr:colOff>563880</xdr:colOff>
                    <xdr:row>18</xdr:row>
                    <xdr:rowOff>243840</xdr:rowOff>
                  </to>
                </anchor>
              </controlPr>
            </control>
          </mc:Choice>
        </mc:AlternateContent>
        <mc:AlternateContent xmlns:mc="http://schemas.openxmlformats.org/markup-compatibility/2006">
          <mc:Choice Requires="x14">
            <control shapeId="21515" r:id="rId11" name="Check Box 11">
              <controlPr defaultSize="0" autoFill="0" autoLine="0" autoPict="0">
                <anchor moveWithCells="1">
                  <from>
                    <xdr:col>4</xdr:col>
                    <xdr:colOff>190500</xdr:colOff>
                    <xdr:row>17</xdr:row>
                    <xdr:rowOff>220980</xdr:rowOff>
                  </from>
                  <to>
                    <xdr:col>5</xdr:col>
                    <xdr:colOff>15240</xdr:colOff>
                    <xdr:row>18</xdr:row>
                    <xdr:rowOff>236220</xdr:rowOff>
                  </to>
                </anchor>
              </controlPr>
            </control>
          </mc:Choice>
        </mc:AlternateContent>
        <mc:AlternateContent xmlns:mc="http://schemas.openxmlformats.org/markup-compatibility/2006">
          <mc:Choice Requires="x14">
            <control shapeId="21516" r:id="rId12" name="Check Box 12">
              <controlPr defaultSize="0" autoFill="0" autoLine="0" autoPict="0">
                <anchor moveWithCells="1">
                  <from>
                    <xdr:col>7</xdr:col>
                    <xdr:colOff>144780</xdr:colOff>
                    <xdr:row>19</xdr:row>
                    <xdr:rowOff>15240</xdr:rowOff>
                  </from>
                  <to>
                    <xdr:col>7</xdr:col>
                    <xdr:colOff>563880</xdr:colOff>
                    <xdr:row>19</xdr:row>
                    <xdr:rowOff>243840</xdr:rowOff>
                  </to>
                </anchor>
              </controlPr>
            </control>
          </mc:Choice>
        </mc:AlternateContent>
        <mc:AlternateContent xmlns:mc="http://schemas.openxmlformats.org/markup-compatibility/2006">
          <mc:Choice Requires="x14">
            <control shapeId="21517" r:id="rId13" name="Check Box 13">
              <controlPr defaultSize="0" autoFill="0" autoLine="0" autoPict="0">
                <anchor moveWithCells="1">
                  <from>
                    <xdr:col>4</xdr:col>
                    <xdr:colOff>190500</xdr:colOff>
                    <xdr:row>18</xdr:row>
                    <xdr:rowOff>220980</xdr:rowOff>
                  </from>
                  <to>
                    <xdr:col>5</xdr:col>
                    <xdr:colOff>15240</xdr:colOff>
                    <xdr:row>19</xdr:row>
                    <xdr:rowOff>236220</xdr:rowOff>
                  </to>
                </anchor>
              </controlPr>
            </control>
          </mc:Choice>
        </mc:AlternateContent>
        <mc:AlternateContent xmlns:mc="http://schemas.openxmlformats.org/markup-compatibility/2006">
          <mc:Choice Requires="x14">
            <control shapeId="21518" r:id="rId14" name="Check Box 14">
              <controlPr defaultSize="0" autoFill="0" autoLine="0" autoPict="0">
                <anchor moveWithCells="1">
                  <from>
                    <xdr:col>7</xdr:col>
                    <xdr:colOff>144780</xdr:colOff>
                    <xdr:row>20</xdr:row>
                    <xdr:rowOff>15240</xdr:rowOff>
                  </from>
                  <to>
                    <xdr:col>7</xdr:col>
                    <xdr:colOff>563880</xdr:colOff>
                    <xdr:row>20</xdr:row>
                    <xdr:rowOff>243840</xdr:rowOff>
                  </to>
                </anchor>
              </controlPr>
            </control>
          </mc:Choice>
        </mc:AlternateContent>
        <mc:AlternateContent xmlns:mc="http://schemas.openxmlformats.org/markup-compatibility/2006">
          <mc:Choice Requires="x14">
            <control shapeId="21519" r:id="rId15" name="Check Box 15">
              <controlPr defaultSize="0" autoFill="0" autoLine="0" autoPict="0">
                <anchor moveWithCells="1">
                  <from>
                    <xdr:col>4</xdr:col>
                    <xdr:colOff>190500</xdr:colOff>
                    <xdr:row>19</xdr:row>
                    <xdr:rowOff>220980</xdr:rowOff>
                  </from>
                  <to>
                    <xdr:col>5</xdr:col>
                    <xdr:colOff>15240</xdr:colOff>
                    <xdr:row>20</xdr:row>
                    <xdr:rowOff>236220</xdr:rowOff>
                  </to>
                </anchor>
              </controlPr>
            </control>
          </mc:Choice>
        </mc:AlternateContent>
        <mc:AlternateContent xmlns:mc="http://schemas.openxmlformats.org/markup-compatibility/2006">
          <mc:Choice Requires="x14">
            <control shapeId="21520" r:id="rId16" name="Check Box 16">
              <controlPr defaultSize="0" autoFill="0" autoLine="0" autoPict="0">
                <anchor moveWithCells="1">
                  <from>
                    <xdr:col>7</xdr:col>
                    <xdr:colOff>144780</xdr:colOff>
                    <xdr:row>21</xdr:row>
                    <xdr:rowOff>15240</xdr:rowOff>
                  </from>
                  <to>
                    <xdr:col>7</xdr:col>
                    <xdr:colOff>563880</xdr:colOff>
                    <xdr:row>21</xdr:row>
                    <xdr:rowOff>243840</xdr:rowOff>
                  </to>
                </anchor>
              </controlPr>
            </control>
          </mc:Choice>
        </mc:AlternateContent>
        <mc:AlternateContent xmlns:mc="http://schemas.openxmlformats.org/markup-compatibility/2006">
          <mc:Choice Requires="x14">
            <control shapeId="21521" r:id="rId17" name="Check Box 17">
              <controlPr defaultSize="0" autoFill="0" autoLine="0" autoPict="0">
                <anchor moveWithCells="1">
                  <from>
                    <xdr:col>4</xdr:col>
                    <xdr:colOff>190500</xdr:colOff>
                    <xdr:row>20</xdr:row>
                    <xdr:rowOff>220980</xdr:rowOff>
                  </from>
                  <to>
                    <xdr:col>5</xdr:col>
                    <xdr:colOff>15240</xdr:colOff>
                    <xdr:row>21</xdr:row>
                    <xdr:rowOff>236220</xdr:rowOff>
                  </to>
                </anchor>
              </controlPr>
            </control>
          </mc:Choice>
        </mc:AlternateContent>
        <mc:AlternateContent xmlns:mc="http://schemas.openxmlformats.org/markup-compatibility/2006">
          <mc:Choice Requires="x14">
            <control shapeId="21522" r:id="rId18" name="Check Box 18">
              <controlPr defaultSize="0" autoFill="0" autoLine="0" autoPict="0">
                <anchor moveWithCells="1">
                  <from>
                    <xdr:col>7</xdr:col>
                    <xdr:colOff>144780</xdr:colOff>
                    <xdr:row>22</xdr:row>
                    <xdr:rowOff>15240</xdr:rowOff>
                  </from>
                  <to>
                    <xdr:col>7</xdr:col>
                    <xdr:colOff>563880</xdr:colOff>
                    <xdr:row>22</xdr:row>
                    <xdr:rowOff>243840</xdr:rowOff>
                  </to>
                </anchor>
              </controlPr>
            </control>
          </mc:Choice>
        </mc:AlternateContent>
        <mc:AlternateContent xmlns:mc="http://schemas.openxmlformats.org/markup-compatibility/2006">
          <mc:Choice Requires="x14">
            <control shapeId="21523" r:id="rId19" name="Check Box 19">
              <controlPr defaultSize="0" autoFill="0" autoLine="0" autoPict="0">
                <anchor moveWithCells="1">
                  <from>
                    <xdr:col>4</xdr:col>
                    <xdr:colOff>190500</xdr:colOff>
                    <xdr:row>21</xdr:row>
                    <xdr:rowOff>220980</xdr:rowOff>
                  </from>
                  <to>
                    <xdr:col>5</xdr:col>
                    <xdr:colOff>15240</xdr:colOff>
                    <xdr:row>22</xdr:row>
                    <xdr:rowOff>236220</xdr:rowOff>
                  </to>
                </anchor>
              </controlPr>
            </control>
          </mc:Choice>
        </mc:AlternateContent>
        <mc:AlternateContent xmlns:mc="http://schemas.openxmlformats.org/markup-compatibility/2006">
          <mc:Choice Requires="x14">
            <control shapeId="21524" r:id="rId20" name="Check Box 20">
              <controlPr defaultSize="0" autoFill="0" autoLine="0" autoPict="0">
                <anchor moveWithCells="1">
                  <from>
                    <xdr:col>7</xdr:col>
                    <xdr:colOff>144780</xdr:colOff>
                    <xdr:row>23</xdr:row>
                    <xdr:rowOff>15240</xdr:rowOff>
                  </from>
                  <to>
                    <xdr:col>7</xdr:col>
                    <xdr:colOff>563880</xdr:colOff>
                    <xdr:row>23</xdr:row>
                    <xdr:rowOff>243840</xdr:rowOff>
                  </to>
                </anchor>
              </controlPr>
            </control>
          </mc:Choice>
        </mc:AlternateContent>
        <mc:AlternateContent xmlns:mc="http://schemas.openxmlformats.org/markup-compatibility/2006">
          <mc:Choice Requires="x14">
            <control shapeId="21525" r:id="rId21" name="Check Box 21">
              <controlPr defaultSize="0" autoFill="0" autoLine="0" autoPict="0">
                <anchor moveWithCells="1">
                  <from>
                    <xdr:col>4</xdr:col>
                    <xdr:colOff>190500</xdr:colOff>
                    <xdr:row>22</xdr:row>
                    <xdr:rowOff>220980</xdr:rowOff>
                  </from>
                  <to>
                    <xdr:col>5</xdr:col>
                    <xdr:colOff>15240</xdr:colOff>
                    <xdr:row>23</xdr:row>
                    <xdr:rowOff>236220</xdr:rowOff>
                  </to>
                </anchor>
              </controlPr>
            </control>
          </mc:Choice>
        </mc:AlternateContent>
        <mc:AlternateContent xmlns:mc="http://schemas.openxmlformats.org/markup-compatibility/2006">
          <mc:Choice Requires="x14">
            <control shapeId="21526" r:id="rId22" name="Check Box 22">
              <controlPr defaultSize="0" autoFill="0" autoLine="0" autoPict="0">
                <anchor moveWithCells="1">
                  <from>
                    <xdr:col>4</xdr:col>
                    <xdr:colOff>190500</xdr:colOff>
                    <xdr:row>19</xdr:row>
                    <xdr:rowOff>220980</xdr:rowOff>
                  </from>
                  <to>
                    <xdr:col>5</xdr:col>
                    <xdr:colOff>15240</xdr:colOff>
                    <xdr:row>20</xdr:row>
                    <xdr:rowOff>236220</xdr:rowOff>
                  </to>
                </anchor>
              </controlPr>
            </control>
          </mc:Choice>
        </mc:AlternateContent>
        <mc:AlternateContent xmlns:mc="http://schemas.openxmlformats.org/markup-compatibility/2006">
          <mc:Choice Requires="x14">
            <control shapeId="21527" r:id="rId23" name="Check Box 23">
              <controlPr defaultSize="0" autoFill="0" autoLine="0" autoPict="0">
                <anchor moveWithCells="1">
                  <from>
                    <xdr:col>4</xdr:col>
                    <xdr:colOff>190500</xdr:colOff>
                    <xdr:row>20</xdr:row>
                    <xdr:rowOff>220980</xdr:rowOff>
                  </from>
                  <to>
                    <xdr:col>5</xdr:col>
                    <xdr:colOff>15240</xdr:colOff>
                    <xdr:row>21</xdr:row>
                    <xdr:rowOff>236220</xdr:rowOff>
                  </to>
                </anchor>
              </controlPr>
            </control>
          </mc:Choice>
        </mc:AlternateContent>
        <mc:AlternateContent xmlns:mc="http://schemas.openxmlformats.org/markup-compatibility/2006">
          <mc:Choice Requires="x14">
            <control shapeId="21528" r:id="rId24" name="Check Box 24">
              <controlPr defaultSize="0" autoFill="0" autoLine="0" autoPict="0">
                <anchor moveWithCells="1">
                  <from>
                    <xdr:col>4</xdr:col>
                    <xdr:colOff>190500</xdr:colOff>
                    <xdr:row>21</xdr:row>
                    <xdr:rowOff>220980</xdr:rowOff>
                  </from>
                  <to>
                    <xdr:col>5</xdr:col>
                    <xdr:colOff>15240</xdr:colOff>
                    <xdr:row>22</xdr:row>
                    <xdr:rowOff>236220</xdr:rowOff>
                  </to>
                </anchor>
              </controlPr>
            </control>
          </mc:Choice>
        </mc:AlternateContent>
        <mc:AlternateContent xmlns:mc="http://schemas.openxmlformats.org/markup-compatibility/2006">
          <mc:Choice Requires="x14">
            <control shapeId="21529" r:id="rId25" name="Check Box 25">
              <controlPr defaultSize="0" autoFill="0" autoLine="0" autoPict="0">
                <anchor moveWithCells="1">
                  <from>
                    <xdr:col>4</xdr:col>
                    <xdr:colOff>190500</xdr:colOff>
                    <xdr:row>22</xdr:row>
                    <xdr:rowOff>220980</xdr:rowOff>
                  </from>
                  <to>
                    <xdr:col>5</xdr:col>
                    <xdr:colOff>15240</xdr:colOff>
                    <xdr:row>23</xdr:row>
                    <xdr:rowOff>236220</xdr:rowOff>
                  </to>
                </anchor>
              </controlPr>
            </control>
          </mc:Choice>
        </mc:AlternateContent>
        <mc:AlternateContent xmlns:mc="http://schemas.openxmlformats.org/markup-compatibility/2006">
          <mc:Choice Requires="x14">
            <control shapeId="21530" r:id="rId26" name="Check Box 26">
              <controlPr defaultSize="0" autoFill="0" autoLine="0" autoPict="0">
                <anchor moveWithCells="1">
                  <from>
                    <xdr:col>4</xdr:col>
                    <xdr:colOff>190500</xdr:colOff>
                    <xdr:row>21</xdr:row>
                    <xdr:rowOff>220980</xdr:rowOff>
                  </from>
                  <to>
                    <xdr:col>5</xdr:col>
                    <xdr:colOff>15240</xdr:colOff>
                    <xdr:row>22</xdr:row>
                    <xdr:rowOff>236220</xdr:rowOff>
                  </to>
                </anchor>
              </controlPr>
            </control>
          </mc:Choice>
        </mc:AlternateContent>
        <mc:AlternateContent xmlns:mc="http://schemas.openxmlformats.org/markup-compatibility/2006">
          <mc:Choice Requires="x14">
            <control shapeId="21531" r:id="rId27" name="Check Box 27">
              <controlPr defaultSize="0" autoFill="0" autoLine="0" autoPict="0">
                <anchor moveWithCells="1">
                  <from>
                    <xdr:col>4</xdr:col>
                    <xdr:colOff>190500</xdr:colOff>
                    <xdr:row>22</xdr:row>
                    <xdr:rowOff>220980</xdr:rowOff>
                  </from>
                  <to>
                    <xdr:col>5</xdr:col>
                    <xdr:colOff>15240</xdr:colOff>
                    <xdr:row>23</xdr:row>
                    <xdr:rowOff>236220</xdr:rowOff>
                  </to>
                </anchor>
              </controlPr>
            </control>
          </mc:Choice>
        </mc:AlternateContent>
        <mc:AlternateContent xmlns:mc="http://schemas.openxmlformats.org/markup-compatibility/2006">
          <mc:Choice Requires="x14">
            <control shapeId="21532" r:id="rId28" name="Check Box 28">
              <controlPr defaultSize="0" autoFill="0" autoLine="0" autoPict="0">
                <anchor moveWithCells="1">
                  <from>
                    <xdr:col>4</xdr:col>
                    <xdr:colOff>182880</xdr:colOff>
                    <xdr:row>23</xdr:row>
                    <xdr:rowOff>228600</xdr:rowOff>
                  </from>
                  <to>
                    <xdr:col>5</xdr:col>
                    <xdr:colOff>7620</xdr:colOff>
                    <xdr:row>24</xdr:row>
                    <xdr:rowOff>243840</xdr:rowOff>
                  </to>
                </anchor>
              </controlPr>
            </control>
          </mc:Choice>
        </mc:AlternateContent>
        <mc:AlternateContent xmlns:mc="http://schemas.openxmlformats.org/markup-compatibility/2006">
          <mc:Choice Requires="x14">
            <control shapeId="21533" r:id="rId29" name="Check Box 29">
              <controlPr defaultSize="0" autoFill="0" autoLine="0" autoPict="0">
                <anchor moveWithCells="1">
                  <from>
                    <xdr:col>7</xdr:col>
                    <xdr:colOff>144780</xdr:colOff>
                    <xdr:row>24</xdr:row>
                    <xdr:rowOff>15240</xdr:rowOff>
                  </from>
                  <to>
                    <xdr:col>7</xdr:col>
                    <xdr:colOff>579120</xdr:colOff>
                    <xdr:row>24</xdr:row>
                    <xdr:rowOff>243840</xdr:rowOff>
                  </to>
                </anchor>
              </controlPr>
            </control>
          </mc:Choice>
        </mc:AlternateContent>
        <mc:AlternateContent xmlns:mc="http://schemas.openxmlformats.org/markup-compatibility/2006">
          <mc:Choice Requires="x14">
            <control shapeId="21536" r:id="rId30" name="Check Box 32">
              <controlPr defaultSize="0" autoFill="0" autoLine="0" autoPict="0">
                <anchor moveWithCells="1">
                  <from>
                    <xdr:col>2</xdr:col>
                    <xdr:colOff>167640</xdr:colOff>
                    <xdr:row>27</xdr:row>
                    <xdr:rowOff>7620</xdr:rowOff>
                  </from>
                  <to>
                    <xdr:col>3</xdr:col>
                    <xdr:colOff>0</xdr:colOff>
                    <xdr:row>28</xdr:row>
                    <xdr:rowOff>15240</xdr:rowOff>
                  </to>
                </anchor>
              </controlPr>
            </control>
          </mc:Choice>
        </mc:AlternateContent>
        <mc:AlternateContent xmlns:mc="http://schemas.openxmlformats.org/markup-compatibility/2006">
          <mc:Choice Requires="x14">
            <control shapeId="21537" r:id="rId31" name="Check Box 33">
              <controlPr defaultSize="0" autoFill="0" autoLine="0" autoPict="0">
                <anchor moveWithCells="1">
                  <from>
                    <xdr:col>3</xdr:col>
                    <xdr:colOff>60960</xdr:colOff>
                    <xdr:row>27</xdr:row>
                    <xdr:rowOff>22860</xdr:rowOff>
                  </from>
                  <to>
                    <xdr:col>3</xdr:col>
                    <xdr:colOff>487680</xdr:colOff>
                    <xdr:row>28</xdr:row>
                    <xdr:rowOff>7620</xdr:rowOff>
                  </to>
                </anchor>
              </controlPr>
            </control>
          </mc:Choice>
        </mc:AlternateContent>
        <mc:AlternateContent xmlns:mc="http://schemas.openxmlformats.org/markup-compatibility/2006">
          <mc:Choice Requires="x14">
            <control shapeId="21540" r:id="rId32" name="Check Box 36">
              <controlPr defaultSize="0" autoFill="0" autoLine="0" autoPict="0">
                <anchor moveWithCells="1">
                  <from>
                    <xdr:col>2</xdr:col>
                    <xdr:colOff>160020</xdr:colOff>
                    <xdr:row>28</xdr:row>
                    <xdr:rowOff>0</xdr:rowOff>
                  </from>
                  <to>
                    <xdr:col>3</xdr:col>
                    <xdr:colOff>1112520</xdr:colOff>
                    <xdr:row>29</xdr:row>
                    <xdr:rowOff>0</xdr:rowOff>
                  </to>
                </anchor>
              </controlPr>
            </control>
          </mc:Choice>
        </mc:AlternateContent>
        <mc:AlternateContent xmlns:mc="http://schemas.openxmlformats.org/markup-compatibility/2006">
          <mc:Choice Requires="x14">
            <control shapeId="21541" r:id="rId33" name="Check Box 37">
              <controlPr defaultSize="0" autoFill="0" autoLine="0" autoPict="0">
                <anchor moveWithCells="1">
                  <from>
                    <xdr:col>4</xdr:col>
                    <xdr:colOff>502920</xdr:colOff>
                    <xdr:row>28</xdr:row>
                    <xdr:rowOff>0</xdr:rowOff>
                  </from>
                  <to>
                    <xdr:col>6</xdr:col>
                    <xdr:colOff>342900</xdr:colOff>
                    <xdr:row>29</xdr:row>
                    <xdr:rowOff>15240</xdr:rowOff>
                  </to>
                </anchor>
              </controlPr>
            </control>
          </mc:Choice>
        </mc:AlternateContent>
        <mc:AlternateContent xmlns:mc="http://schemas.openxmlformats.org/markup-compatibility/2006">
          <mc:Choice Requires="x14">
            <control shapeId="21544" r:id="rId34" name="Check Box 40">
              <controlPr defaultSize="0" autoFill="0" autoLine="0" autoPict="0">
                <anchor moveWithCells="1">
                  <from>
                    <xdr:col>2</xdr:col>
                    <xdr:colOff>160020</xdr:colOff>
                    <xdr:row>29</xdr:row>
                    <xdr:rowOff>0</xdr:rowOff>
                  </from>
                  <to>
                    <xdr:col>3</xdr:col>
                    <xdr:colOff>624840</xdr:colOff>
                    <xdr:row>29</xdr:row>
                    <xdr:rowOff>243840</xdr:rowOff>
                  </to>
                </anchor>
              </controlPr>
            </control>
          </mc:Choice>
        </mc:AlternateContent>
        <mc:AlternateContent xmlns:mc="http://schemas.openxmlformats.org/markup-compatibility/2006">
          <mc:Choice Requires="x14">
            <control shapeId="21545" r:id="rId35" name="Check Box 41">
              <controlPr defaultSize="0" autoFill="0" autoLine="0" autoPict="0">
                <anchor moveWithCells="1">
                  <from>
                    <xdr:col>4</xdr:col>
                    <xdr:colOff>502920</xdr:colOff>
                    <xdr:row>29</xdr:row>
                    <xdr:rowOff>0</xdr:rowOff>
                  </from>
                  <to>
                    <xdr:col>6</xdr:col>
                    <xdr:colOff>342900</xdr:colOff>
                    <xdr:row>30</xdr:row>
                    <xdr:rowOff>1524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P54"/>
  <sheetViews>
    <sheetView view="pageBreakPreview" topLeftCell="A30" zoomScaleNormal="100" zoomScaleSheetLayoutView="100" workbookViewId="0">
      <selection activeCell="B43" activeCellId="1" sqref="B31 A1:XFD1048576"/>
    </sheetView>
  </sheetViews>
  <sheetFormatPr defaultColWidth="11.109375" defaultRowHeight="12"/>
  <cols>
    <col min="1" max="1" width="3.21875" style="1" customWidth="1"/>
    <col min="2" max="2" width="3.109375" style="1" customWidth="1"/>
    <col min="3" max="3" width="10.21875" style="1" customWidth="1"/>
    <col min="4" max="4" width="10" style="1" customWidth="1"/>
    <col min="5" max="5" width="7.88671875" style="1" customWidth="1"/>
    <col min="6" max="6" width="16.21875" style="1" customWidth="1"/>
    <col min="7" max="7" width="3.33203125" style="1" customWidth="1"/>
    <col min="8" max="8" width="6.44140625" style="1" customWidth="1"/>
    <col min="9" max="9" width="12.6640625" style="1" customWidth="1"/>
    <col min="10" max="10" width="2.77734375" style="1" customWidth="1"/>
    <col min="11" max="11" width="7.88671875" style="1" customWidth="1"/>
    <col min="12" max="12" width="7.44140625" style="1" customWidth="1"/>
    <col min="13" max="16384" width="11.109375" style="1"/>
  </cols>
  <sheetData>
    <row r="1" spans="1:11">
      <c r="A1" s="1098" t="s">
        <v>0</v>
      </c>
      <c r="B1" s="1098"/>
      <c r="C1" s="1098"/>
    </row>
    <row r="2" spans="1:11" ht="4.95" customHeight="1"/>
    <row r="3" spans="1:11" ht="18.600000000000001" customHeight="1" thickBot="1">
      <c r="A3" s="1118" t="s">
        <v>1</v>
      </c>
      <c r="B3" s="1118"/>
      <c r="C3" s="1118"/>
      <c r="D3" s="1118"/>
      <c r="E3" s="1118"/>
    </row>
    <row r="4" spans="1:11" ht="18.600000000000001" customHeight="1">
      <c r="B4" s="1139" t="s">
        <v>2</v>
      </c>
      <c r="C4" s="1140"/>
      <c r="D4" s="1106"/>
      <c r="E4" s="1102" t="s">
        <v>3</v>
      </c>
      <c r="F4" s="1103"/>
      <c r="G4" s="1141" t="s">
        <v>4</v>
      </c>
      <c r="H4" s="1141"/>
      <c r="I4" s="1141"/>
      <c r="J4" s="1141"/>
      <c r="K4" s="1142"/>
    </row>
    <row r="5" spans="1:11" ht="18.600000000000001" customHeight="1" thickBot="1">
      <c r="B5" s="1095" t="s">
        <v>5</v>
      </c>
      <c r="C5" s="1133"/>
      <c r="D5" s="1134"/>
      <c r="E5" s="2"/>
      <c r="F5" s="1135"/>
      <c r="G5" s="1136"/>
      <c r="H5" s="3" t="s">
        <v>6</v>
      </c>
      <c r="I5" s="1137" t="s">
        <v>7</v>
      </c>
      <c r="J5" s="1137"/>
      <c r="K5" s="1138"/>
    </row>
    <row r="6" spans="1:11" ht="4.95" customHeight="1">
      <c r="C6" s="4"/>
      <c r="D6" s="4"/>
    </row>
    <row r="7" spans="1:11" ht="18.600000000000001" customHeight="1" thickBot="1">
      <c r="A7" s="1" t="s">
        <v>8</v>
      </c>
      <c r="G7" s="5"/>
      <c r="H7" s="873"/>
      <c r="I7" s="873"/>
    </row>
    <row r="8" spans="1:11" ht="18.600000000000001" customHeight="1">
      <c r="B8" s="841"/>
      <c r="C8" s="1103" t="s">
        <v>9</v>
      </c>
      <c r="D8" s="1103"/>
      <c r="E8" s="1103"/>
      <c r="F8" s="1104"/>
      <c r="G8" s="6" t="s">
        <v>10</v>
      </c>
      <c r="H8" s="7"/>
      <c r="I8" s="7"/>
      <c r="J8" s="8"/>
    </row>
    <row r="9" spans="1:11" ht="15" customHeight="1">
      <c r="B9" s="1124" t="s">
        <v>895</v>
      </c>
      <c r="C9" s="1127" t="s">
        <v>11</v>
      </c>
      <c r="D9" s="1128"/>
      <c r="E9" s="1128"/>
      <c r="F9" s="1129"/>
      <c r="G9" s="9"/>
      <c r="H9" s="10" t="s">
        <v>12</v>
      </c>
      <c r="I9" s="11"/>
      <c r="J9" s="12"/>
    </row>
    <row r="10" spans="1:11" ht="15" customHeight="1">
      <c r="B10" s="1125"/>
      <c r="C10" s="1127" t="s">
        <v>13</v>
      </c>
      <c r="D10" s="1128"/>
      <c r="E10" s="1128"/>
      <c r="F10" s="1129"/>
      <c r="G10" s="9"/>
      <c r="H10" s="10" t="s">
        <v>12</v>
      </c>
      <c r="I10" s="11"/>
      <c r="J10" s="12"/>
    </row>
    <row r="11" spans="1:11" ht="15" customHeight="1">
      <c r="B11" s="1125"/>
      <c r="C11" s="1127" t="s">
        <v>14</v>
      </c>
      <c r="D11" s="1128"/>
      <c r="E11" s="1128"/>
      <c r="F11" s="1129"/>
      <c r="G11" s="9"/>
      <c r="H11" s="11"/>
      <c r="I11" s="11"/>
      <c r="J11" s="12"/>
    </row>
    <row r="12" spans="1:11" ht="15" customHeight="1">
      <c r="B12" s="1126"/>
      <c r="C12" s="1127" t="s">
        <v>15</v>
      </c>
      <c r="D12" s="1128"/>
      <c r="E12" s="1128"/>
      <c r="F12" s="1129"/>
      <c r="G12" s="9"/>
      <c r="H12" s="10" t="s">
        <v>12</v>
      </c>
      <c r="I12" s="11"/>
      <c r="J12" s="12"/>
    </row>
    <row r="13" spans="1:11" ht="15" customHeight="1">
      <c r="B13" s="1124" t="s">
        <v>896</v>
      </c>
      <c r="C13" s="1127" t="s">
        <v>16</v>
      </c>
      <c r="D13" s="1128"/>
      <c r="E13" s="1128"/>
      <c r="F13" s="1129"/>
      <c r="G13" s="9"/>
      <c r="H13" s="10" t="s">
        <v>12</v>
      </c>
      <c r="I13" s="11"/>
      <c r="J13" s="12"/>
    </row>
    <row r="14" spans="1:11" ht="15" customHeight="1">
      <c r="B14" s="1125"/>
      <c r="C14" s="1127" t="s">
        <v>17</v>
      </c>
      <c r="D14" s="1128"/>
      <c r="E14" s="1128"/>
      <c r="F14" s="1129"/>
      <c r="G14" s="9"/>
      <c r="H14" s="11"/>
      <c r="I14" s="11"/>
      <c r="J14" s="12"/>
    </row>
    <row r="15" spans="1:11" ht="15" customHeight="1">
      <c r="B15" s="1125"/>
      <c r="C15" s="1127" t="s">
        <v>18</v>
      </c>
      <c r="D15" s="1128"/>
      <c r="E15" s="1128"/>
      <c r="F15" s="1129"/>
      <c r="G15" s="9"/>
      <c r="H15" s="11"/>
      <c r="I15" s="11"/>
      <c r="J15" s="12"/>
    </row>
    <row r="16" spans="1:11" ht="15" customHeight="1">
      <c r="B16" s="1125"/>
      <c r="C16" s="1127" t="s">
        <v>19</v>
      </c>
      <c r="D16" s="1128"/>
      <c r="E16" s="1128"/>
      <c r="F16" s="1129"/>
      <c r="G16" s="9"/>
      <c r="H16" s="11"/>
      <c r="I16" s="11"/>
      <c r="J16" s="12"/>
    </row>
    <row r="17" spans="1:16" ht="15" customHeight="1">
      <c r="B17" s="1125"/>
      <c r="C17" s="1127" t="s">
        <v>20</v>
      </c>
      <c r="D17" s="1128"/>
      <c r="E17" s="1128"/>
      <c r="F17" s="1129"/>
      <c r="G17" s="9"/>
      <c r="H17" s="11"/>
      <c r="I17" s="11"/>
      <c r="J17" s="12"/>
    </row>
    <row r="18" spans="1:16" ht="15" customHeight="1">
      <c r="B18" s="1125"/>
      <c r="C18" s="1130" t="s">
        <v>21</v>
      </c>
      <c r="D18" s="1131"/>
      <c r="E18" s="1131"/>
      <c r="F18" s="1132"/>
      <c r="G18" s="9"/>
      <c r="H18" s="10" t="s">
        <v>12</v>
      </c>
      <c r="I18" s="11"/>
      <c r="J18" s="12"/>
    </row>
    <row r="19" spans="1:16" ht="15" customHeight="1">
      <c r="B19" s="1125"/>
      <c r="C19" s="1127" t="s">
        <v>22</v>
      </c>
      <c r="D19" s="1128"/>
      <c r="E19" s="1128"/>
      <c r="F19" s="1129"/>
      <c r="G19" s="9"/>
      <c r="H19" s="10" t="s">
        <v>12</v>
      </c>
      <c r="I19" s="11"/>
      <c r="J19" s="12"/>
    </row>
    <row r="20" spans="1:16" ht="15" customHeight="1">
      <c r="B20" s="1126"/>
      <c r="C20" s="1127" t="s">
        <v>23</v>
      </c>
      <c r="D20" s="1128"/>
      <c r="E20" s="1128"/>
      <c r="F20" s="1129"/>
      <c r="G20" s="9"/>
      <c r="H20" s="11"/>
      <c r="I20" s="11"/>
      <c r="J20" s="12" t="s">
        <v>24</v>
      </c>
    </row>
    <row r="21" spans="1:16" ht="15" customHeight="1" thickBot="1">
      <c r="B21" s="1095" t="s">
        <v>897</v>
      </c>
      <c r="C21" s="1096"/>
      <c r="D21" s="1096"/>
      <c r="E21" s="1096"/>
      <c r="F21" s="1097"/>
      <c r="G21" s="15"/>
      <c r="H21" s="16"/>
      <c r="I21" s="16"/>
      <c r="J21" s="17"/>
    </row>
    <row r="22" spans="1:16">
      <c r="B22" s="4"/>
      <c r="C22" s="4"/>
      <c r="D22" s="4"/>
      <c r="E22" s="4"/>
      <c r="F22" s="18"/>
      <c r="G22" s="19"/>
      <c r="H22" s="19"/>
      <c r="I22" s="19"/>
      <c r="J22" s="19"/>
    </row>
    <row r="23" spans="1:16" ht="18.600000000000001" customHeight="1" thickBot="1">
      <c r="A23" s="1098" t="s">
        <v>25</v>
      </c>
      <c r="B23" s="1098"/>
      <c r="C23" s="1098"/>
      <c r="D23" s="1098"/>
      <c r="N23" s="4"/>
      <c r="O23" s="4"/>
      <c r="P23" s="4"/>
    </row>
    <row r="24" spans="1:16" ht="18.600000000000001" customHeight="1">
      <c r="B24" s="1099" t="s">
        <v>26</v>
      </c>
      <c r="C24" s="1100"/>
      <c r="D24" s="1101"/>
      <c r="E24" s="1102" t="s">
        <v>27</v>
      </c>
      <c r="F24" s="1103"/>
      <c r="G24" s="1104"/>
      <c r="H24" s="20" t="s">
        <v>28</v>
      </c>
      <c r="I24" s="1105"/>
      <c r="J24" s="1106"/>
      <c r="K24" s="21" t="s">
        <v>29</v>
      </c>
      <c r="L24" s="1993"/>
      <c r="N24" s="22"/>
      <c r="O24" s="22"/>
      <c r="P24" s="22"/>
    </row>
    <row r="25" spans="1:16" ht="18.600000000000001" customHeight="1">
      <c r="B25" s="1107" t="s">
        <v>30</v>
      </c>
      <c r="C25" s="1108"/>
      <c r="D25" s="1109"/>
      <c r="E25" s="1110" t="s">
        <v>27</v>
      </c>
      <c r="F25" s="1111"/>
      <c r="G25" s="1112"/>
      <c r="H25" s="23" t="s">
        <v>28</v>
      </c>
      <c r="I25" s="1113"/>
      <c r="J25" s="1114"/>
      <c r="K25" s="24" t="s">
        <v>29</v>
      </c>
      <c r="L25" s="1994"/>
      <c r="N25" s="22"/>
      <c r="O25" s="22"/>
      <c r="P25" s="22"/>
    </row>
    <row r="26" spans="1:16" ht="18.600000000000001" customHeight="1" thickBot="1">
      <c r="B26" s="1115" t="s">
        <v>31</v>
      </c>
      <c r="C26" s="1116"/>
      <c r="D26" s="1117"/>
      <c r="E26" s="25" t="s">
        <v>32</v>
      </c>
      <c r="F26" s="26"/>
      <c r="G26" s="26"/>
      <c r="H26" s="26"/>
      <c r="I26" s="26"/>
      <c r="J26" s="26"/>
      <c r="K26" s="26"/>
      <c r="L26" s="27"/>
    </row>
    <row r="27" spans="1:16" ht="5.4" customHeight="1">
      <c r="F27" s="28"/>
      <c r="G27" s="28"/>
      <c r="H27" s="28"/>
      <c r="I27" s="28"/>
      <c r="J27" s="28"/>
      <c r="K27" s="28"/>
      <c r="L27" s="28"/>
    </row>
    <row r="28" spans="1:16" ht="18.600000000000001" customHeight="1" thickBot="1">
      <c r="A28" s="1118" t="s">
        <v>33</v>
      </c>
      <c r="B28" s="1118"/>
      <c r="C28" s="1118"/>
      <c r="D28" s="1118"/>
      <c r="E28" s="1118"/>
      <c r="F28" s="1118"/>
      <c r="G28" s="1118"/>
      <c r="H28" s="1118"/>
      <c r="I28" s="1118"/>
      <c r="J28" s="1118"/>
      <c r="K28" s="1118"/>
      <c r="L28" s="1119"/>
    </row>
    <row r="29" spans="1:16" ht="27" customHeight="1">
      <c r="B29" s="1120" t="s">
        <v>34</v>
      </c>
      <c r="C29" s="1104"/>
      <c r="D29" s="29" t="s">
        <v>29</v>
      </c>
      <c r="E29" s="1121" t="s">
        <v>35</v>
      </c>
      <c r="F29" s="1103"/>
      <c r="G29" s="1103"/>
      <c r="H29" s="1103"/>
      <c r="I29" s="1103"/>
      <c r="J29" s="1104"/>
      <c r="K29" s="1122" t="s">
        <v>36</v>
      </c>
      <c r="L29" s="1123"/>
    </row>
    <row r="30" spans="1:16" ht="18.600000000000001" customHeight="1">
      <c r="B30" s="34"/>
      <c r="C30" s="750" t="s">
        <v>37</v>
      </c>
      <c r="D30" s="1995"/>
      <c r="E30" s="1086"/>
      <c r="F30" s="1087"/>
      <c r="G30" s="751"/>
      <c r="H30" s="752" t="s">
        <v>38</v>
      </c>
      <c r="I30" s="753"/>
      <c r="J30" s="754" t="s">
        <v>39</v>
      </c>
      <c r="K30" s="1088"/>
      <c r="L30" s="1089"/>
    </row>
    <row r="31" spans="1:16" ht="18.600000000000001" customHeight="1">
      <c r="B31" s="34">
        <v>7</v>
      </c>
      <c r="C31" s="660" t="s">
        <v>37</v>
      </c>
      <c r="D31" s="1995"/>
      <c r="E31" s="1086"/>
      <c r="F31" s="1087"/>
      <c r="G31" s="30"/>
      <c r="H31" s="31" t="s">
        <v>38</v>
      </c>
      <c r="I31" s="32"/>
      <c r="J31" s="33" t="s">
        <v>39</v>
      </c>
      <c r="K31" s="1088"/>
      <c r="L31" s="1089"/>
    </row>
    <row r="32" spans="1:16" ht="18.600000000000001" customHeight="1">
      <c r="B32" s="34" t="s">
        <v>40</v>
      </c>
      <c r="C32" s="660" t="s">
        <v>37</v>
      </c>
      <c r="D32" s="1995"/>
      <c r="E32" s="1086"/>
      <c r="F32" s="1087"/>
      <c r="G32" s="30"/>
      <c r="H32" s="31" t="s">
        <v>38</v>
      </c>
      <c r="I32" s="32"/>
      <c r="J32" s="33" t="s">
        <v>39</v>
      </c>
      <c r="K32" s="1088"/>
      <c r="L32" s="1089"/>
    </row>
    <row r="33" spans="2:14" ht="18.600000000000001" customHeight="1">
      <c r="B33" s="34" t="s">
        <v>41</v>
      </c>
      <c r="C33" s="660" t="s">
        <v>37</v>
      </c>
      <c r="D33" s="1995"/>
      <c r="E33" s="1086"/>
      <c r="F33" s="1087"/>
      <c r="G33" s="30"/>
      <c r="H33" s="31" t="s">
        <v>38</v>
      </c>
      <c r="I33" s="32"/>
      <c r="J33" s="33" t="s">
        <v>39</v>
      </c>
      <c r="K33" s="1088"/>
      <c r="L33" s="1089"/>
    </row>
    <row r="34" spans="2:14" ht="18.600000000000001" customHeight="1">
      <c r="B34" s="34"/>
      <c r="C34" s="660" t="s">
        <v>37</v>
      </c>
      <c r="D34" s="1995"/>
      <c r="E34" s="1086"/>
      <c r="F34" s="1087"/>
      <c r="G34" s="30"/>
      <c r="H34" s="31" t="s">
        <v>38</v>
      </c>
      <c r="I34" s="32"/>
      <c r="J34" s="33" t="s">
        <v>39</v>
      </c>
      <c r="K34" s="1088"/>
      <c r="L34" s="1089"/>
    </row>
    <row r="35" spans="2:14" ht="18.600000000000001" customHeight="1">
      <c r="B35" s="34"/>
      <c r="C35" s="660" t="s">
        <v>37</v>
      </c>
      <c r="D35" s="1995"/>
      <c r="E35" s="1086"/>
      <c r="F35" s="1087"/>
      <c r="G35" s="30"/>
      <c r="H35" s="31" t="s">
        <v>38</v>
      </c>
      <c r="I35" s="32"/>
      <c r="J35" s="33" t="s">
        <v>39</v>
      </c>
      <c r="K35" s="1088"/>
      <c r="L35" s="1089"/>
    </row>
    <row r="36" spans="2:14" ht="18.600000000000001" customHeight="1">
      <c r="B36" s="34"/>
      <c r="C36" s="660" t="s">
        <v>37</v>
      </c>
      <c r="D36" s="1995"/>
      <c r="E36" s="1086"/>
      <c r="F36" s="1087"/>
      <c r="G36" s="30"/>
      <c r="H36" s="31" t="s">
        <v>38</v>
      </c>
      <c r="I36" s="32"/>
      <c r="J36" s="33" t="s">
        <v>39</v>
      </c>
      <c r="K36" s="1088"/>
      <c r="L36" s="1089"/>
    </row>
    <row r="37" spans="2:14" ht="18.600000000000001" customHeight="1">
      <c r="B37" s="34"/>
      <c r="C37" s="660" t="s">
        <v>37</v>
      </c>
      <c r="D37" s="1995"/>
      <c r="E37" s="1086"/>
      <c r="F37" s="1087"/>
      <c r="G37" s="30"/>
      <c r="H37" s="31" t="s">
        <v>38</v>
      </c>
      <c r="I37" s="32"/>
      <c r="J37" s="33" t="s">
        <v>39</v>
      </c>
      <c r="K37" s="1088"/>
      <c r="L37" s="1089"/>
    </row>
    <row r="38" spans="2:14" ht="18.600000000000001" customHeight="1">
      <c r="B38" s="34"/>
      <c r="C38" s="660" t="s">
        <v>37</v>
      </c>
      <c r="D38" s="1995"/>
      <c r="E38" s="1086"/>
      <c r="F38" s="1087"/>
      <c r="G38" s="30"/>
      <c r="H38" s="31" t="s">
        <v>38</v>
      </c>
      <c r="I38" s="32"/>
      <c r="J38" s="33" t="s">
        <v>39</v>
      </c>
      <c r="K38" s="1088"/>
      <c r="L38" s="1089"/>
    </row>
    <row r="39" spans="2:14" ht="18.600000000000001" customHeight="1">
      <c r="B39" s="34"/>
      <c r="C39" s="660" t="s">
        <v>37</v>
      </c>
      <c r="D39" s="1995"/>
      <c r="E39" s="1086"/>
      <c r="F39" s="1087"/>
      <c r="G39" s="30"/>
      <c r="H39" s="31" t="s">
        <v>38</v>
      </c>
      <c r="I39" s="32"/>
      <c r="J39" s="33" t="s">
        <v>39</v>
      </c>
      <c r="K39" s="1088"/>
      <c r="L39" s="1089"/>
    </row>
    <row r="40" spans="2:14" ht="18.600000000000001" customHeight="1">
      <c r="B40" s="34"/>
      <c r="C40" s="660" t="s">
        <v>37</v>
      </c>
      <c r="D40" s="1995"/>
      <c r="E40" s="1086"/>
      <c r="F40" s="1087"/>
      <c r="G40" s="30"/>
      <c r="H40" s="31" t="s">
        <v>38</v>
      </c>
      <c r="I40" s="32"/>
      <c r="J40" s="33" t="s">
        <v>39</v>
      </c>
      <c r="K40" s="1088"/>
      <c r="L40" s="1089"/>
    </row>
    <row r="41" spans="2:14" ht="18.600000000000001" customHeight="1">
      <c r="B41" s="13"/>
      <c r="C41" s="660" t="s">
        <v>37</v>
      </c>
      <c r="D41" s="1995"/>
      <c r="E41" s="1086"/>
      <c r="F41" s="1087"/>
      <c r="G41" s="30"/>
      <c r="H41" s="31" t="s">
        <v>38</v>
      </c>
      <c r="I41" s="32"/>
      <c r="J41" s="33" t="s">
        <v>39</v>
      </c>
      <c r="K41" s="1088"/>
      <c r="L41" s="1089"/>
    </row>
    <row r="42" spans="2:14" ht="18.600000000000001" customHeight="1">
      <c r="B42" s="34"/>
      <c r="C42" s="660" t="s">
        <v>37</v>
      </c>
      <c r="D42" s="1995"/>
      <c r="E42" s="1086"/>
      <c r="F42" s="1087"/>
      <c r="G42" s="30"/>
      <c r="H42" s="31" t="s">
        <v>38</v>
      </c>
      <c r="I42" s="32"/>
      <c r="J42" s="33" t="s">
        <v>39</v>
      </c>
      <c r="K42" s="1088"/>
      <c r="L42" s="1089"/>
    </row>
    <row r="43" spans="2:14" ht="18.600000000000001" customHeight="1">
      <c r="B43" s="34">
        <v>8</v>
      </c>
      <c r="C43" s="660" t="s">
        <v>37</v>
      </c>
      <c r="D43" s="1995"/>
      <c r="E43" s="1086"/>
      <c r="F43" s="1087"/>
      <c r="G43" s="30"/>
      <c r="H43" s="31" t="s">
        <v>38</v>
      </c>
      <c r="I43" s="32"/>
      <c r="J43" s="33" t="s">
        <v>39</v>
      </c>
      <c r="K43" s="1088"/>
      <c r="L43" s="1089"/>
    </row>
    <row r="44" spans="2:14" ht="18.600000000000001" customHeight="1">
      <c r="B44" s="34" t="s">
        <v>40</v>
      </c>
      <c r="C44" s="660" t="s">
        <v>37</v>
      </c>
      <c r="D44" s="1995"/>
      <c r="E44" s="1086"/>
      <c r="F44" s="1087"/>
      <c r="G44" s="30"/>
      <c r="H44" s="31" t="s">
        <v>38</v>
      </c>
      <c r="I44" s="32"/>
      <c r="J44" s="33" t="s">
        <v>39</v>
      </c>
      <c r="K44" s="1088"/>
      <c r="L44" s="1089"/>
    </row>
    <row r="45" spans="2:14" ht="18.600000000000001" customHeight="1">
      <c r="B45" s="34" t="s">
        <v>41</v>
      </c>
      <c r="C45" s="660" t="s">
        <v>37</v>
      </c>
      <c r="D45" s="1995"/>
      <c r="E45" s="1086"/>
      <c r="F45" s="1087"/>
      <c r="G45" s="30"/>
      <c r="H45" s="31" t="s">
        <v>38</v>
      </c>
      <c r="I45" s="32"/>
      <c r="J45" s="33" t="s">
        <v>39</v>
      </c>
      <c r="K45" s="1088"/>
      <c r="L45" s="1089"/>
    </row>
    <row r="46" spans="2:14" ht="18.600000000000001" customHeight="1">
      <c r="B46" s="34"/>
      <c r="C46" s="660" t="s">
        <v>37</v>
      </c>
      <c r="D46" s="1995"/>
      <c r="E46" s="1086"/>
      <c r="F46" s="1087"/>
      <c r="G46" s="30"/>
      <c r="H46" s="31" t="s">
        <v>38</v>
      </c>
      <c r="I46" s="32"/>
      <c r="J46" s="33" t="s">
        <v>39</v>
      </c>
      <c r="K46" s="1088"/>
      <c r="L46" s="1089"/>
    </row>
    <row r="47" spans="2:14" ht="18.600000000000001" customHeight="1" thickBot="1">
      <c r="B47" s="34"/>
      <c r="C47" s="660" t="s">
        <v>37</v>
      </c>
      <c r="D47" s="1995"/>
      <c r="E47" s="1086"/>
      <c r="F47" s="1087"/>
      <c r="G47" s="30"/>
      <c r="H47" s="31" t="s">
        <v>38</v>
      </c>
      <c r="I47" s="32"/>
      <c r="J47" s="33" t="s">
        <v>39</v>
      </c>
      <c r="K47" s="1088"/>
      <c r="L47" s="1089"/>
    </row>
    <row r="48" spans="2:14" ht="18.600000000000001" customHeight="1" thickBot="1">
      <c r="B48" s="34"/>
      <c r="C48" s="660" t="s">
        <v>37</v>
      </c>
      <c r="D48" s="1995"/>
      <c r="E48" s="1086"/>
      <c r="F48" s="1087"/>
      <c r="G48" s="30"/>
      <c r="H48" s="31" t="s">
        <v>38</v>
      </c>
      <c r="I48" s="32"/>
      <c r="J48" s="33" t="s">
        <v>39</v>
      </c>
      <c r="K48" s="1088"/>
      <c r="L48" s="1089"/>
      <c r="N48" s="755"/>
    </row>
    <row r="49" spans="2:12" ht="18.600000000000001" customHeight="1">
      <c r="B49" s="34"/>
      <c r="C49" s="660" t="s">
        <v>37</v>
      </c>
      <c r="D49" s="1995"/>
      <c r="E49" s="1086"/>
      <c r="F49" s="1087"/>
      <c r="G49" s="30"/>
      <c r="H49" s="31" t="s">
        <v>38</v>
      </c>
      <c r="I49" s="32"/>
      <c r="J49" s="33" t="s">
        <v>39</v>
      </c>
      <c r="K49" s="1088"/>
      <c r="L49" s="1089"/>
    </row>
    <row r="50" spans="2:12" ht="18.600000000000001" customHeight="1" thickBot="1">
      <c r="B50" s="35"/>
      <c r="C50" s="661" t="s">
        <v>37</v>
      </c>
      <c r="D50" s="1996"/>
      <c r="E50" s="1090"/>
      <c r="F50" s="1091"/>
      <c r="G50" s="36"/>
      <c r="H50" s="37" t="s">
        <v>38</v>
      </c>
      <c r="I50" s="749"/>
      <c r="J50" s="38" t="s">
        <v>39</v>
      </c>
      <c r="K50" s="1092"/>
      <c r="L50" s="1093"/>
    </row>
    <row r="51" spans="2:12" ht="6" customHeight="1">
      <c r="B51" s="4"/>
      <c r="C51" s="19"/>
      <c r="D51" s="39"/>
      <c r="E51" s="40"/>
      <c r="F51" s="40"/>
      <c r="G51" s="40"/>
      <c r="H51" s="40"/>
      <c r="I51" s="40"/>
      <c r="J51" s="40"/>
      <c r="K51" s="4"/>
      <c r="L51" s="4"/>
    </row>
    <row r="52" spans="2:12">
      <c r="B52" s="771" t="s">
        <v>42</v>
      </c>
      <c r="C52" s="771"/>
      <c r="D52" s="771"/>
      <c r="E52" s="771"/>
      <c r="F52" s="771"/>
      <c r="G52" s="771"/>
      <c r="H52" s="771"/>
      <c r="I52" s="771"/>
      <c r="J52" s="771"/>
      <c r="K52" s="771"/>
      <c r="L52" s="771"/>
    </row>
    <row r="53" spans="2:12" ht="12" customHeight="1">
      <c r="B53" s="1094" t="s">
        <v>898</v>
      </c>
      <c r="C53" s="1094"/>
      <c r="D53" s="1094"/>
      <c r="E53" s="1094"/>
      <c r="F53" s="1094"/>
      <c r="G53" s="1094"/>
      <c r="H53" s="1094"/>
      <c r="I53" s="1094"/>
      <c r="J53" s="1094"/>
      <c r="K53" s="1094"/>
      <c r="L53" s="1094"/>
    </row>
    <row r="54" spans="2:12" ht="13.2" customHeight="1">
      <c r="B54" s="1085" t="s">
        <v>1050</v>
      </c>
      <c r="C54" s="1085"/>
      <c r="D54" s="1085"/>
      <c r="E54" s="1085"/>
      <c r="F54" s="1085"/>
      <c r="G54" s="1085"/>
      <c r="H54" s="1085"/>
      <c r="I54" s="1085"/>
      <c r="J54" s="1085"/>
      <c r="K54" s="1085"/>
      <c r="L54" s="1085"/>
    </row>
  </sheetData>
  <mergeCells count="80">
    <mergeCell ref="B5:D5"/>
    <mergeCell ref="F5:G5"/>
    <mergeCell ref="I5:K5"/>
    <mergeCell ref="A1:C1"/>
    <mergeCell ref="A3:E3"/>
    <mergeCell ref="B4:D4"/>
    <mergeCell ref="E4:F4"/>
    <mergeCell ref="G4:K4"/>
    <mergeCell ref="C8:F8"/>
    <mergeCell ref="B9:B12"/>
    <mergeCell ref="C9:F9"/>
    <mergeCell ref="C10:F10"/>
    <mergeCell ref="C11:F11"/>
    <mergeCell ref="C12:F12"/>
    <mergeCell ref="B13:B20"/>
    <mergeCell ref="C13:F13"/>
    <mergeCell ref="C14:F14"/>
    <mergeCell ref="C15:F15"/>
    <mergeCell ref="C16:F16"/>
    <mergeCell ref="C17:F17"/>
    <mergeCell ref="C18:F18"/>
    <mergeCell ref="C19:F19"/>
    <mergeCell ref="C20:F20"/>
    <mergeCell ref="E30:F30"/>
    <mergeCell ref="K30:L30"/>
    <mergeCell ref="B21:F21"/>
    <mergeCell ref="A23:D23"/>
    <mergeCell ref="B24:D24"/>
    <mergeCell ref="E24:G24"/>
    <mergeCell ref="I24:J24"/>
    <mergeCell ref="B25:D25"/>
    <mergeCell ref="E25:G25"/>
    <mergeCell ref="I25:J25"/>
    <mergeCell ref="B26:D26"/>
    <mergeCell ref="A28:L28"/>
    <mergeCell ref="B29:C29"/>
    <mergeCell ref="E29:J29"/>
    <mergeCell ref="K29:L29"/>
    <mergeCell ref="E31:F31"/>
    <mergeCell ref="K31:L31"/>
    <mergeCell ref="E32:F32"/>
    <mergeCell ref="K32:L32"/>
    <mergeCell ref="E33:F33"/>
    <mergeCell ref="K33:L33"/>
    <mergeCell ref="E34:F34"/>
    <mergeCell ref="K34:L34"/>
    <mergeCell ref="E35:F35"/>
    <mergeCell ref="K35:L35"/>
    <mergeCell ref="E36:F36"/>
    <mergeCell ref="K36:L36"/>
    <mergeCell ref="E37:F37"/>
    <mergeCell ref="K37:L37"/>
    <mergeCell ref="E38:F38"/>
    <mergeCell ref="K38:L38"/>
    <mergeCell ref="E39:F39"/>
    <mergeCell ref="K39:L39"/>
    <mergeCell ref="E40:F40"/>
    <mergeCell ref="K40:L40"/>
    <mergeCell ref="E41:F41"/>
    <mergeCell ref="K41:L41"/>
    <mergeCell ref="E42:F42"/>
    <mergeCell ref="K42:L42"/>
    <mergeCell ref="E43:F43"/>
    <mergeCell ref="K43:L43"/>
    <mergeCell ref="E44:F44"/>
    <mergeCell ref="K44:L44"/>
    <mergeCell ref="E45:F45"/>
    <mergeCell ref="K45:L45"/>
    <mergeCell ref="B54:L54"/>
    <mergeCell ref="E46:F46"/>
    <mergeCell ref="K46:L46"/>
    <mergeCell ref="E47:F47"/>
    <mergeCell ref="K47:L47"/>
    <mergeCell ref="E48:F48"/>
    <mergeCell ref="K48:L48"/>
    <mergeCell ref="E49:F49"/>
    <mergeCell ref="K49:L49"/>
    <mergeCell ref="E50:F50"/>
    <mergeCell ref="K50:L50"/>
    <mergeCell ref="B53:L53"/>
  </mergeCells>
  <phoneticPr fontId="3"/>
  <dataValidations count="3">
    <dataValidation type="list" imeMode="on" allowBlank="1" showInputMessage="1" promptTitle="記録の有無" prompt="リストから選択してください。" sqref="D30:D50 L24:L25" xr:uid="{46201CD9-CACE-40AE-A7F3-21149A30C9DB}">
      <formula1>"有,無,"</formula1>
    </dataValidation>
    <dataValidation type="list" imeMode="on" allowBlank="1" showInputMessage="1" promptTitle="訓練内容" prompt="リストから選択してください。" sqref="E30:F50" xr:uid="{1BD66A46-9966-413A-97E0-71600FA96FF7}">
      <formula1>"避難・消火,避難のみ,消火のみ,未実施,"</formula1>
    </dataValidation>
    <dataValidation type="list" imeMode="on" allowBlank="1" showInputMessage="1" promptTitle="事前通報の実施" prompt="リストから選択してください。" sqref="K30:L50" xr:uid="{7CEA331A-BB91-49EE-9CE6-6395E805B825}">
      <formula1>"事前通報,－,"</formula1>
    </dataValidation>
  </dataValidations>
  <pageMargins left="0.74803149606299213" right="0.43307086614173229" top="0.74803149606299213" bottom="0.51181102362204722" header="0.51181102362204722" footer="0.31496062992125984"/>
  <pageSetup paperSize="9" scale="91" orientation="portrait" r:id="rId1"/>
  <headerFooter alignWithMargins="0">
    <oddFooter>&amp;C児養０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6625" r:id="rId4" name="Check Box 1">
              <controlPr defaultSize="0" autoFill="0" autoLine="0" autoPict="0">
                <anchor moveWithCells="1">
                  <from>
                    <xdr:col>7</xdr:col>
                    <xdr:colOff>106680</xdr:colOff>
                    <xdr:row>12</xdr:row>
                    <xdr:rowOff>152400</xdr:rowOff>
                  </from>
                  <to>
                    <xdr:col>8</xdr:col>
                    <xdr:colOff>106680</xdr:colOff>
                    <xdr:row>14</xdr:row>
                    <xdr:rowOff>38100</xdr:rowOff>
                  </to>
                </anchor>
              </controlPr>
            </control>
          </mc:Choice>
        </mc:AlternateContent>
        <mc:AlternateContent xmlns:mc="http://schemas.openxmlformats.org/markup-compatibility/2006">
          <mc:Choice Requires="x14">
            <control shapeId="26626" r:id="rId5" name="Check Box 2">
              <controlPr defaultSize="0" autoFill="0" autoLine="0" autoPict="0">
                <anchor moveWithCells="1">
                  <from>
                    <xdr:col>8</xdr:col>
                    <xdr:colOff>182880</xdr:colOff>
                    <xdr:row>12</xdr:row>
                    <xdr:rowOff>175260</xdr:rowOff>
                  </from>
                  <to>
                    <xdr:col>8</xdr:col>
                    <xdr:colOff>609600</xdr:colOff>
                    <xdr:row>14</xdr:row>
                    <xdr:rowOff>22860</xdr:rowOff>
                  </to>
                </anchor>
              </controlPr>
            </control>
          </mc:Choice>
        </mc:AlternateContent>
        <mc:AlternateContent xmlns:mc="http://schemas.openxmlformats.org/markup-compatibility/2006">
          <mc:Choice Requires="x14">
            <control shapeId="26627" r:id="rId6" name="Check Box 3">
              <controlPr defaultSize="0" autoFill="0" autoLine="0" autoPict="0">
                <anchor moveWithCells="1">
                  <from>
                    <xdr:col>7</xdr:col>
                    <xdr:colOff>106680</xdr:colOff>
                    <xdr:row>13</xdr:row>
                    <xdr:rowOff>152400</xdr:rowOff>
                  </from>
                  <to>
                    <xdr:col>8</xdr:col>
                    <xdr:colOff>106680</xdr:colOff>
                    <xdr:row>15</xdr:row>
                    <xdr:rowOff>38100</xdr:rowOff>
                  </to>
                </anchor>
              </controlPr>
            </control>
          </mc:Choice>
        </mc:AlternateContent>
        <mc:AlternateContent xmlns:mc="http://schemas.openxmlformats.org/markup-compatibility/2006">
          <mc:Choice Requires="x14">
            <control shapeId="26628" r:id="rId7" name="Check Box 4">
              <controlPr defaultSize="0" autoFill="0" autoLine="0" autoPict="0">
                <anchor moveWithCells="1">
                  <from>
                    <xdr:col>8</xdr:col>
                    <xdr:colOff>182880</xdr:colOff>
                    <xdr:row>13</xdr:row>
                    <xdr:rowOff>175260</xdr:rowOff>
                  </from>
                  <to>
                    <xdr:col>8</xdr:col>
                    <xdr:colOff>609600</xdr:colOff>
                    <xdr:row>15</xdr:row>
                    <xdr:rowOff>22860</xdr:rowOff>
                  </to>
                </anchor>
              </controlPr>
            </control>
          </mc:Choice>
        </mc:AlternateContent>
        <mc:AlternateContent xmlns:mc="http://schemas.openxmlformats.org/markup-compatibility/2006">
          <mc:Choice Requires="x14">
            <control shapeId="26629" r:id="rId8" name="Check Box 5">
              <controlPr defaultSize="0" autoFill="0" autoLine="0" autoPict="0">
                <anchor moveWithCells="1">
                  <from>
                    <xdr:col>7</xdr:col>
                    <xdr:colOff>106680</xdr:colOff>
                    <xdr:row>14</xdr:row>
                    <xdr:rowOff>152400</xdr:rowOff>
                  </from>
                  <to>
                    <xdr:col>8</xdr:col>
                    <xdr:colOff>106680</xdr:colOff>
                    <xdr:row>16</xdr:row>
                    <xdr:rowOff>38100</xdr:rowOff>
                  </to>
                </anchor>
              </controlPr>
            </control>
          </mc:Choice>
        </mc:AlternateContent>
        <mc:AlternateContent xmlns:mc="http://schemas.openxmlformats.org/markup-compatibility/2006">
          <mc:Choice Requires="x14">
            <control shapeId="26630" r:id="rId9" name="Check Box 6">
              <controlPr defaultSize="0" autoFill="0" autoLine="0" autoPict="0">
                <anchor moveWithCells="1">
                  <from>
                    <xdr:col>8</xdr:col>
                    <xdr:colOff>182880</xdr:colOff>
                    <xdr:row>14</xdr:row>
                    <xdr:rowOff>175260</xdr:rowOff>
                  </from>
                  <to>
                    <xdr:col>8</xdr:col>
                    <xdr:colOff>609600</xdr:colOff>
                    <xdr:row>16</xdr:row>
                    <xdr:rowOff>22860</xdr:rowOff>
                  </to>
                </anchor>
              </controlPr>
            </control>
          </mc:Choice>
        </mc:AlternateContent>
        <mc:AlternateContent xmlns:mc="http://schemas.openxmlformats.org/markup-compatibility/2006">
          <mc:Choice Requires="x14">
            <control shapeId="26631" r:id="rId10" name="Check Box 7">
              <controlPr defaultSize="0" autoFill="0" autoLine="0" autoPict="0">
                <anchor moveWithCells="1">
                  <from>
                    <xdr:col>7</xdr:col>
                    <xdr:colOff>106680</xdr:colOff>
                    <xdr:row>15</xdr:row>
                    <xdr:rowOff>152400</xdr:rowOff>
                  </from>
                  <to>
                    <xdr:col>8</xdr:col>
                    <xdr:colOff>106680</xdr:colOff>
                    <xdr:row>17</xdr:row>
                    <xdr:rowOff>38100</xdr:rowOff>
                  </to>
                </anchor>
              </controlPr>
            </control>
          </mc:Choice>
        </mc:AlternateContent>
        <mc:AlternateContent xmlns:mc="http://schemas.openxmlformats.org/markup-compatibility/2006">
          <mc:Choice Requires="x14">
            <control shapeId="26632" r:id="rId11" name="Check Box 8">
              <controlPr defaultSize="0" autoFill="0" autoLine="0" autoPict="0">
                <anchor moveWithCells="1">
                  <from>
                    <xdr:col>8</xdr:col>
                    <xdr:colOff>182880</xdr:colOff>
                    <xdr:row>15</xdr:row>
                    <xdr:rowOff>175260</xdr:rowOff>
                  </from>
                  <to>
                    <xdr:col>8</xdr:col>
                    <xdr:colOff>609600</xdr:colOff>
                    <xdr:row>17</xdr:row>
                    <xdr:rowOff>22860</xdr:rowOff>
                  </to>
                </anchor>
              </controlPr>
            </control>
          </mc:Choice>
        </mc:AlternateContent>
        <mc:AlternateContent xmlns:mc="http://schemas.openxmlformats.org/markup-compatibility/2006">
          <mc:Choice Requires="x14">
            <control shapeId="26633" r:id="rId12" name="Check Box 9">
              <controlPr defaultSize="0" autoFill="0" autoLine="0" autoPict="0">
                <anchor moveWithCells="1">
                  <from>
                    <xdr:col>7</xdr:col>
                    <xdr:colOff>106680</xdr:colOff>
                    <xdr:row>19</xdr:row>
                    <xdr:rowOff>152400</xdr:rowOff>
                  </from>
                  <to>
                    <xdr:col>8</xdr:col>
                    <xdr:colOff>106680</xdr:colOff>
                    <xdr:row>21</xdr:row>
                    <xdr:rowOff>38100</xdr:rowOff>
                  </to>
                </anchor>
              </controlPr>
            </control>
          </mc:Choice>
        </mc:AlternateContent>
        <mc:AlternateContent xmlns:mc="http://schemas.openxmlformats.org/markup-compatibility/2006">
          <mc:Choice Requires="x14">
            <control shapeId="26634" r:id="rId13" name="Check Box 10">
              <controlPr defaultSize="0" autoFill="0" autoLine="0" autoPict="0">
                <anchor moveWithCells="1">
                  <from>
                    <xdr:col>8</xdr:col>
                    <xdr:colOff>182880</xdr:colOff>
                    <xdr:row>19</xdr:row>
                    <xdr:rowOff>175260</xdr:rowOff>
                  </from>
                  <to>
                    <xdr:col>8</xdr:col>
                    <xdr:colOff>609600</xdr:colOff>
                    <xdr:row>21</xdr:row>
                    <xdr:rowOff>22860</xdr:rowOff>
                  </to>
                </anchor>
              </controlPr>
            </control>
          </mc:Choice>
        </mc:AlternateContent>
        <mc:AlternateContent xmlns:mc="http://schemas.openxmlformats.org/markup-compatibility/2006">
          <mc:Choice Requires="x14">
            <control shapeId="26635" r:id="rId14" name="Check Box 11">
              <controlPr defaultSize="0" autoFill="0" autoLine="0" autoPict="0">
                <anchor moveWithCells="1">
                  <from>
                    <xdr:col>6</xdr:col>
                    <xdr:colOff>60960</xdr:colOff>
                    <xdr:row>7</xdr:row>
                    <xdr:rowOff>213360</xdr:rowOff>
                  </from>
                  <to>
                    <xdr:col>7</xdr:col>
                    <xdr:colOff>266700</xdr:colOff>
                    <xdr:row>9</xdr:row>
                    <xdr:rowOff>45720</xdr:rowOff>
                  </to>
                </anchor>
              </controlPr>
            </control>
          </mc:Choice>
        </mc:AlternateContent>
        <mc:AlternateContent xmlns:mc="http://schemas.openxmlformats.org/markup-compatibility/2006">
          <mc:Choice Requires="x14">
            <control shapeId="26636" r:id="rId15" name="Check Box 12">
              <controlPr defaultSize="0" autoFill="0" autoLine="0" autoPict="0">
                <anchor moveWithCells="1">
                  <from>
                    <xdr:col>8</xdr:col>
                    <xdr:colOff>617220</xdr:colOff>
                    <xdr:row>7</xdr:row>
                    <xdr:rowOff>213360</xdr:rowOff>
                  </from>
                  <to>
                    <xdr:col>9</xdr:col>
                    <xdr:colOff>175260</xdr:colOff>
                    <xdr:row>9</xdr:row>
                    <xdr:rowOff>22860</xdr:rowOff>
                  </to>
                </anchor>
              </controlPr>
            </control>
          </mc:Choice>
        </mc:AlternateContent>
        <mc:AlternateContent xmlns:mc="http://schemas.openxmlformats.org/markup-compatibility/2006">
          <mc:Choice Requires="x14">
            <control shapeId="26637" r:id="rId16" name="Check Box 13">
              <controlPr defaultSize="0" autoFill="0" autoLine="0" autoPict="0">
                <anchor moveWithCells="1">
                  <from>
                    <xdr:col>6</xdr:col>
                    <xdr:colOff>60960</xdr:colOff>
                    <xdr:row>8</xdr:row>
                    <xdr:rowOff>175260</xdr:rowOff>
                  </from>
                  <to>
                    <xdr:col>7</xdr:col>
                    <xdr:colOff>266700</xdr:colOff>
                    <xdr:row>10</xdr:row>
                    <xdr:rowOff>60960</xdr:rowOff>
                  </to>
                </anchor>
              </controlPr>
            </control>
          </mc:Choice>
        </mc:AlternateContent>
        <mc:AlternateContent xmlns:mc="http://schemas.openxmlformats.org/markup-compatibility/2006">
          <mc:Choice Requires="x14">
            <control shapeId="26638" r:id="rId17" name="Check Box 14">
              <controlPr defaultSize="0" autoFill="0" autoLine="0" autoPict="0">
                <anchor moveWithCells="1">
                  <from>
                    <xdr:col>8</xdr:col>
                    <xdr:colOff>609600</xdr:colOff>
                    <xdr:row>8</xdr:row>
                    <xdr:rowOff>182880</xdr:rowOff>
                  </from>
                  <to>
                    <xdr:col>9</xdr:col>
                    <xdr:colOff>175260</xdr:colOff>
                    <xdr:row>10</xdr:row>
                    <xdr:rowOff>30480</xdr:rowOff>
                  </to>
                </anchor>
              </controlPr>
            </control>
          </mc:Choice>
        </mc:AlternateContent>
        <mc:AlternateContent xmlns:mc="http://schemas.openxmlformats.org/markup-compatibility/2006">
          <mc:Choice Requires="x14">
            <control shapeId="26639" r:id="rId18" name="Check Box 15">
              <controlPr defaultSize="0" autoFill="0" autoLine="0" autoPict="0">
                <anchor moveWithCells="1">
                  <from>
                    <xdr:col>6</xdr:col>
                    <xdr:colOff>60960</xdr:colOff>
                    <xdr:row>10</xdr:row>
                    <xdr:rowOff>175260</xdr:rowOff>
                  </from>
                  <to>
                    <xdr:col>7</xdr:col>
                    <xdr:colOff>266700</xdr:colOff>
                    <xdr:row>12</xdr:row>
                    <xdr:rowOff>60960</xdr:rowOff>
                  </to>
                </anchor>
              </controlPr>
            </control>
          </mc:Choice>
        </mc:AlternateContent>
        <mc:AlternateContent xmlns:mc="http://schemas.openxmlformats.org/markup-compatibility/2006">
          <mc:Choice Requires="x14">
            <control shapeId="26640" r:id="rId19" name="Check Box 16">
              <controlPr defaultSize="0" autoFill="0" autoLine="0" autoPict="0">
                <anchor moveWithCells="1">
                  <from>
                    <xdr:col>8</xdr:col>
                    <xdr:colOff>609600</xdr:colOff>
                    <xdr:row>10</xdr:row>
                    <xdr:rowOff>182880</xdr:rowOff>
                  </from>
                  <to>
                    <xdr:col>9</xdr:col>
                    <xdr:colOff>175260</xdr:colOff>
                    <xdr:row>12</xdr:row>
                    <xdr:rowOff>30480</xdr:rowOff>
                  </to>
                </anchor>
              </controlPr>
            </control>
          </mc:Choice>
        </mc:AlternateContent>
        <mc:AlternateContent xmlns:mc="http://schemas.openxmlformats.org/markup-compatibility/2006">
          <mc:Choice Requires="x14">
            <control shapeId="26641" r:id="rId20" name="Check Box 17">
              <controlPr defaultSize="0" autoFill="0" autoLine="0" autoPict="0">
                <anchor moveWithCells="1">
                  <from>
                    <xdr:col>6</xdr:col>
                    <xdr:colOff>60960</xdr:colOff>
                    <xdr:row>11</xdr:row>
                    <xdr:rowOff>175260</xdr:rowOff>
                  </from>
                  <to>
                    <xdr:col>7</xdr:col>
                    <xdr:colOff>266700</xdr:colOff>
                    <xdr:row>13</xdr:row>
                    <xdr:rowOff>60960</xdr:rowOff>
                  </to>
                </anchor>
              </controlPr>
            </control>
          </mc:Choice>
        </mc:AlternateContent>
        <mc:AlternateContent xmlns:mc="http://schemas.openxmlformats.org/markup-compatibility/2006">
          <mc:Choice Requires="x14">
            <control shapeId="26642" r:id="rId21" name="Check Box 18">
              <controlPr defaultSize="0" autoFill="0" autoLine="0" autoPict="0">
                <anchor moveWithCells="1">
                  <from>
                    <xdr:col>8</xdr:col>
                    <xdr:colOff>609600</xdr:colOff>
                    <xdr:row>11</xdr:row>
                    <xdr:rowOff>182880</xdr:rowOff>
                  </from>
                  <to>
                    <xdr:col>9</xdr:col>
                    <xdr:colOff>175260</xdr:colOff>
                    <xdr:row>13</xdr:row>
                    <xdr:rowOff>30480</xdr:rowOff>
                  </to>
                </anchor>
              </controlPr>
            </control>
          </mc:Choice>
        </mc:AlternateContent>
        <mc:AlternateContent xmlns:mc="http://schemas.openxmlformats.org/markup-compatibility/2006">
          <mc:Choice Requires="x14">
            <control shapeId="26643" r:id="rId22" name="Check Box 19">
              <controlPr defaultSize="0" autoFill="0" autoLine="0" autoPict="0">
                <anchor moveWithCells="1">
                  <from>
                    <xdr:col>6</xdr:col>
                    <xdr:colOff>60960</xdr:colOff>
                    <xdr:row>16</xdr:row>
                    <xdr:rowOff>175260</xdr:rowOff>
                  </from>
                  <to>
                    <xdr:col>7</xdr:col>
                    <xdr:colOff>266700</xdr:colOff>
                    <xdr:row>18</xdr:row>
                    <xdr:rowOff>60960</xdr:rowOff>
                  </to>
                </anchor>
              </controlPr>
            </control>
          </mc:Choice>
        </mc:AlternateContent>
        <mc:AlternateContent xmlns:mc="http://schemas.openxmlformats.org/markup-compatibility/2006">
          <mc:Choice Requires="x14">
            <control shapeId="26644" r:id="rId23" name="Check Box 20">
              <controlPr defaultSize="0" autoFill="0" autoLine="0" autoPict="0">
                <anchor moveWithCells="1">
                  <from>
                    <xdr:col>8</xdr:col>
                    <xdr:colOff>609600</xdr:colOff>
                    <xdr:row>16</xdr:row>
                    <xdr:rowOff>182880</xdr:rowOff>
                  </from>
                  <to>
                    <xdr:col>9</xdr:col>
                    <xdr:colOff>175260</xdr:colOff>
                    <xdr:row>18</xdr:row>
                    <xdr:rowOff>30480</xdr:rowOff>
                  </to>
                </anchor>
              </controlPr>
            </control>
          </mc:Choice>
        </mc:AlternateContent>
        <mc:AlternateContent xmlns:mc="http://schemas.openxmlformats.org/markup-compatibility/2006">
          <mc:Choice Requires="x14">
            <control shapeId="26645" r:id="rId24" name="Check Box 21">
              <controlPr defaultSize="0" autoFill="0" autoLine="0" autoPict="0">
                <anchor moveWithCells="1">
                  <from>
                    <xdr:col>6</xdr:col>
                    <xdr:colOff>60960</xdr:colOff>
                    <xdr:row>17</xdr:row>
                    <xdr:rowOff>175260</xdr:rowOff>
                  </from>
                  <to>
                    <xdr:col>7</xdr:col>
                    <xdr:colOff>266700</xdr:colOff>
                    <xdr:row>19</xdr:row>
                    <xdr:rowOff>60960</xdr:rowOff>
                  </to>
                </anchor>
              </controlPr>
            </control>
          </mc:Choice>
        </mc:AlternateContent>
        <mc:AlternateContent xmlns:mc="http://schemas.openxmlformats.org/markup-compatibility/2006">
          <mc:Choice Requires="x14">
            <control shapeId="26646" r:id="rId25" name="Check Box 22">
              <controlPr defaultSize="0" autoFill="0" autoLine="0" autoPict="0">
                <anchor moveWithCells="1">
                  <from>
                    <xdr:col>8</xdr:col>
                    <xdr:colOff>609600</xdr:colOff>
                    <xdr:row>17</xdr:row>
                    <xdr:rowOff>182880</xdr:rowOff>
                  </from>
                  <to>
                    <xdr:col>9</xdr:col>
                    <xdr:colOff>175260</xdr:colOff>
                    <xdr:row>19</xdr:row>
                    <xdr:rowOff>30480</xdr:rowOff>
                  </to>
                </anchor>
              </controlPr>
            </control>
          </mc:Choice>
        </mc:AlternateContent>
        <mc:AlternateContent xmlns:mc="http://schemas.openxmlformats.org/markup-compatibility/2006">
          <mc:Choice Requires="x14">
            <control shapeId="26647" r:id="rId26" name="Check Box 23">
              <controlPr defaultSize="0" autoFill="0" autoLine="0" autoPict="0">
                <anchor moveWithCells="1">
                  <from>
                    <xdr:col>4</xdr:col>
                    <xdr:colOff>83820</xdr:colOff>
                    <xdr:row>23</xdr:row>
                    <xdr:rowOff>228600</xdr:rowOff>
                  </from>
                  <to>
                    <xdr:col>4</xdr:col>
                    <xdr:colOff>525780</xdr:colOff>
                    <xdr:row>25</xdr:row>
                    <xdr:rowOff>22860</xdr:rowOff>
                  </to>
                </anchor>
              </controlPr>
            </control>
          </mc:Choice>
        </mc:AlternateContent>
        <mc:AlternateContent xmlns:mc="http://schemas.openxmlformats.org/markup-compatibility/2006">
          <mc:Choice Requires="x14">
            <control shapeId="26648" r:id="rId27" name="Check Box 24">
              <controlPr defaultSize="0" autoFill="0" autoLine="0" autoPict="0">
                <anchor moveWithCells="1">
                  <from>
                    <xdr:col>5</xdr:col>
                    <xdr:colOff>1013460</xdr:colOff>
                    <xdr:row>24</xdr:row>
                    <xdr:rowOff>7620</xdr:rowOff>
                  </from>
                  <to>
                    <xdr:col>7</xdr:col>
                    <xdr:colOff>99060</xdr:colOff>
                    <xdr:row>25</xdr:row>
                    <xdr:rowOff>0</xdr:rowOff>
                  </to>
                </anchor>
              </controlPr>
            </control>
          </mc:Choice>
        </mc:AlternateContent>
        <mc:AlternateContent xmlns:mc="http://schemas.openxmlformats.org/markup-compatibility/2006">
          <mc:Choice Requires="x14">
            <control shapeId="26649" r:id="rId28" name="Check Box 25">
              <controlPr defaultSize="0" autoFill="0" autoLine="0" autoPict="0">
                <anchor moveWithCells="1">
                  <from>
                    <xdr:col>7</xdr:col>
                    <xdr:colOff>106680</xdr:colOff>
                    <xdr:row>9</xdr:row>
                    <xdr:rowOff>152400</xdr:rowOff>
                  </from>
                  <to>
                    <xdr:col>8</xdr:col>
                    <xdr:colOff>106680</xdr:colOff>
                    <xdr:row>11</xdr:row>
                    <xdr:rowOff>38100</xdr:rowOff>
                  </to>
                </anchor>
              </controlPr>
            </control>
          </mc:Choice>
        </mc:AlternateContent>
        <mc:AlternateContent xmlns:mc="http://schemas.openxmlformats.org/markup-compatibility/2006">
          <mc:Choice Requires="x14">
            <control shapeId="26650" r:id="rId29" name="Check Box 26">
              <controlPr defaultSize="0" autoFill="0" autoLine="0" autoPict="0">
                <anchor moveWithCells="1">
                  <from>
                    <xdr:col>8</xdr:col>
                    <xdr:colOff>182880</xdr:colOff>
                    <xdr:row>9</xdr:row>
                    <xdr:rowOff>175260</xdr:rowOff>
                  </from>
                  <to>
                    <xdr:col>8</xdr:col>
                    <xdr:colOff>609600</xdr:colOff>
                    <xdr:row>10</xdr:row>
                    <xdr:rowOff>182880</xdr:rowOff>
                  </to>
                </anchor>
              </controlPr>
            </control>
          </mc:Choice>
        </mc:AlternateContent>
        <mc:AlternateContent xmlns:mc="http://schemas.openxmlformats.org/markup-compatibility/2006">
          <mc:Choice Requires="x14">
            <control shapeId="26651" r:id="rId30" name="Check Box 27">
              <controlPr defaultSize="0" autoFill="0" autoLine="0" autoPict="0">
                <anchor moveWithCells="1">
                  <from>
                    <xdr:col>4</xdr:col>
                    <xdr:colOff>83820</xdr:colOff>
                    <xdr:row>22</xdr:row>
                    <xdr:rowOff>228600</xdr:rowOff>
                  </from>
                  <to>
                    <xdr:col>4</xdr:col>
                    <xdr:colOff>525780</xdr:colOff>
                    <xdr:row>24</xdr:row>
                    <xdr:rowOff>22860</xdr:rowOff>
                  </to>
                </anchor>
              </controlPr>
            </control>
          </mc:Choice>
        </mc:AlternateContent>
        <mc:AlternateContent xmlns:mc="http://schemas.openxmlformats.org/markup-compatibility/2006">
          <mc:Choice Requires="x14">
            <control shapeId="26652" r:id="rId31" name="Check Box 28">
              <controlPr defaultSize="0" autoFill="0" autoLine="0" autoPict="0">
                <anchor moveWithCells="1">
                  <from>
                    <xdr:col>5</xdr:col>
                    <xdr:colOff>1013460</xdr:colOff>
                    <xdr:row>23</xdr:row>
                    <xdr:rowOff>7620</xdr:rowOff>
                  </from>
                  <to>
                    <xdr:col>7</xdr:col>
                    <xdr:colOff>99060</xdr:colOff>
                    <xdr:row>24</xdr:row>
                    <xdr:rowOff>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X51"/>
  <sheetViews>
    <sheetView view="pageBreakPreview" topLeftCell="A13" zoomScaleNormal="100" zoomScaleSheetLayoutView="100" workbookViewId="0"/>
  </sheetViews>
  <sheetFormatPr defaultRowHeight="14.1" customHeight="1"/>
  <cols>
    <col min="1" max="1" width="2.44140625" style="161" customWidth="1"/>
    <col min="2" max="256" width="9" style="161"/>
    <col min="257" max="257" width="2.44140625" style="161" customWidth="1"/>
    <col min="258" max="512" width="9" style="161"/>
    <col min="513" max="513" width="2.44140625" style="161" customWidth="1"/>
    <col min="514" max="768" width="9" style="161"/>
    <col min="769" max="769" width="2.44140625" style="161" customWidth="1"/>
    <col min="770" max="1024" width="9" style="161"/>
    <col min="1025" max="1025" width="2.44140625" style="161" customWidth="1"/>
    <col min="1026" max="1280" width="9" style="161"/>
    <col min="1281" max="1281" width="2.44140625" style="161" customWidth="1"/>
    <col min="1282" max="1536" width="9" style="161"/>
    <col min="1537" max="1537" width="2.44140625" style="161" customWidth="1"/>
    <col min="1538" max="1792" width="9" style="161"/>
    <col min="1793" max="1793" width="2.44140625" style="161" customWidth="1"/>
    <col min="1794" max="2048" width="9" style="161"/>
    <col min="2049" max="2049" width="2.44140625" style="161" customWidth="1"/>
    <col min="2050" max="2304" width="9" style="161"/>
    <col min="2305" max="2305" width="2.44140625" style="161" customWidth="1"/>
    <col min="2306" max="2560" width="9" style="161"/>
    <col min="2561" max="2561" width="2.44140625" style="161" customWidth="1"/>
    <col min="2562" max="2816" width="9" style="161"/>
    <col min="2817" max="2817" width="2.44140625" style="161" customWidth="1"/>
    <col min="2818" max="3072" width="9" style="161"/>
    <col min="3073" max="3073" width="2.44140625" style="161" customWidth="1"/>
    <col min="3074" max="3328" width="9" style="161"/>
    <col min="3329" max="3329" width="2.44140625" style="161" customWidth="1"/>
    <col min="3330" max="3584" width="9" style="161"/>
    <col min="3585" max="3585" width="2.44140625" style="161" customWidth="1"/>
    <col min="3586" max="3840" width="9" style="161"/>
    <col min="3841" max="3841" width="2.44140625" style="161" customWidth="1"/>
    <col min="3842" max="4096" width="9" style="161"/>
    <col min="4097" max="4097" width="2.44140625" style="161" customWidth="1"/>
    <col min="4098" max="4352" width="9" style="161"/>
    <col min="4353" max="4353" width="2.44140625" style="161" customWidth="1"/>
    <col min="4354" max="4608" width="9" style="161"/>
    <col min="4609" max="4609" width="2.44140625" style="161" customWidth="1"/>
    <col min="4610" max="4864" width="9" style="161"/>
    <col min="4865" max="4865" width="2.44140625" style="161" customWidth="1"/>
    <col min="4866" max="5120" width="9" style="161"/>
    <col min="5121" max="5121" width="2.44140625" style="161" customWidth="1"/>
    <col min="5122" max="5376" width="9" style="161"/>
    <col min="5377" max="5377" width="2.44140625" style="161" customWidth="1"/>
    <col min="5378" max="5632" width="9" style="161"/>
    <col min="5633" max="5633" width="2.44140625" style="161" customWidth="1"/>
    <col min="5634" max="5888" width="9" style="161"/>
    <col min="5889" max="5889" width="2.44140625" style="161" customWidth="1"/>
    <col min="5890" max="6144" width="9" style="161"/>
    <col min="6145" max="6145" width="2.44140625" style="161" customWidth="1"/>
    <col min="6146" max="6400" width="9" style="161"/>
    <col min="6401" max="6401" width="2.44140625" style="161" customWidth="1"/>
    <col min="6402" max="6656" width="9" style="161"/>
    <col min="6657" max="6657" width="2.44140625" style="161" customWidth="1"/>
    <col min="6658" max="6912" width="9" style="161"/>
    <col min="6913" max="6913" width="2.44140625" style="161" customWidth="1"/>
    <col min="6914" max="7168" width="9" style="161"/>
    <col min="7169" max="7169" width="2.44140625" style="161" customWidth="1"/>
    <col min="7170" max="7424" width="9" style="161"/>
    <col min="7425" max="7425" width="2.44140625" style="161" customWidth="1"/>
    <col min="7426" max="7680" width="9" style="161"/>
    <col min="7681" max="7681" width="2.44140625" style="161" customWidth="1"/>
    <col min="7682" max="7936" width="9" style="161"/>
    <col min="7937" max="7937" width="2.44140625" style="161" customWidth="1"/>
    <col min="7938" max="8192" width="9" style="161"/>
    <col min="8193" max="8193" width="2.44140625" style="161" customWidth="1"/>
    <col min="8194" max="8448" width="9" style="161"/>
    <col min="8449" max="8449" width="2.44140625" style="161" customWidth="1"/>
    <col min="8450" max="8704" width="9" style="161"/>
    <col min="8705" max="8705" width="2.44140625" style="161" customWidth="1"/>
    <col min="8706" max="8960" width="9" style="161"/>
    <col min="8961" max="8961" width="2.44140625" style="161" customWidth="1"/>
    <col min="8962" max="9216" width="9" style="161"/>
    <col min="9217" max="9217" width="2.44140625" style="161" customWidth="1"/>
    <col min="9218" max="9472" width="9" style="161"/>
    <col min="9473" max="9473" width="2.44140625" style="161" customWidth="1"/>
    <col min="9474" max="9728" width="9" style="161"/>
    <col min="9729" max="9729" width="2.44140625" style="161" customWidth="1"/>
    <col min="9730" max="9984" width="9" style="161"/>
    <col min="9985" max="9985" width="2.44140625" style="161" customWidth="1"/>
    <col min="9986" max="10240" width="9" style="161"/>
    <col min="10241" max="10241" width="2.44140625" style="161" customWidth="1"/>
    <col min="10242" max="10496" width="9" style="161"/>
    <col min="10497" max="10497" width="2.44140625" style="161" customWidth="1"/>
    <col min="10498" max="10752" width="9" style="161"/>
    <col min="10753" max="10753" width="2.44140625" style="161" customWidth="1"/>
    <col min="10754" max="11008" width="9" style="161"/>
    <col min="11009" max="11009" width="2.44140625" style="161" customWidth="1"/>
    <col min="11010" max="11264" width="9" style="161"/>
    <col min="11265" max="11265" width="2.44140625" style="161" customWidth="1"/>
    <col min="11266" max="11520" width="9" style="161"/>
    <col min="11521" max="11521" width="2.44140625" style="161" customWidth="1"/>
    <col min="11522" max="11776" width="9" style="161"/>
    <col min="11777" max="11777" width="2.44140625" style="161" customWidth="1"/>
    <col min="11778" max="12032" width="9" style="161"/>
    <col min="12033" max="12033" width="2.44140625" style="161" customWidth="1"/>
    <col min="12034" max="12288" width="9" style="161"/>
    <col min="12289" max="12289" width="2.44140625" style="161" customWidth="1"/>
    <col min="12290" max="12544" width="9" style="161"/>
    <col min="12545" max="12545" width="2.44140625" style="161" customWidth="1"/>
    <col min="12546" max="12800" width="9" style="161"/>
    <col min="12801" max="12801" width="2.44140625" style="161" customWidth="1"/>
    <col min="12802" max="13056" width="9" style="161"/>
    <col min="13057" max="13057" width="2.44140625" style="161" customWidth="1"/>
    <col min="13058" max="13312" width="9" style="161"/>
    <col min="13313" max="13313" width="2.44140625" style="161" customWidth="1"/>
    <col min="13314" max="13568" width="9" style="161"/>
    <col min="13569" max="13569" width="2.44140625" style="161" customWidth="1"/>
    <col min="13570" max="13824" width="9" style="161"/>
    <col min="13825" max="13825" width="2.44140625" style="161" customWidth="1"/>
    <col min="13826" max="14080" width="9" style="161"/>
    <col min="14081" max="14081" width="2.44140625" style="161" customWidth="1"/>
    <col min="14082" max="14336" width="9" style="161"/>
    <col min="14337" max="14337" width="2.44140625" style="161" customWidth="1"/>
    <col min="14338" max="14592" width="9" style="161"/>
    <col min="14593" max="14593" width="2.44140625" style="161" customWidth="1"/>
    <col min="14594" max="14848" width="9" style="161"/>
    <col min="14849" max="14849" width="2.44140625" style="161" customWidth="1"/>
    <col min="14850" max="15104" width="9" style="161"/>
    <col min="15105" max="15105" width="2.44140625" style="161" customWidth="1"/>
    <col min="15106" max="15360" width="9" style="161"/>
    <col min="15361" max="15361" width="2.44140625" style="161" customWidth="1"/>
    <col min="15362" max="15616" width="9" style="161"/>
    <col min="15617" max="15617" width="2.44140625" style="161" customWidth="1"/>
    <col min="15618" max="15872" width="9" style="161"/>
    <col min="15873" max="15873" width="2.44140625" style="161" customWidth="1"/>
    <col min="15874" max="16128" width="9" style="161"/>
    <col min="16129" max="16129" width="2.44140625" style="161" customWidth="1"/>
    <col min="16130" max="16384" width="9" style="161"/>
  </cols>
  <sheetData>
    <row r="1" spans="1:10" ht="6" customHeight="1"/>
    <row r="2" spans="1:10" ht="14.1" customHeight="1">
      <c r="A2" s="162"/>
      <c r="B2" s="41" t="s">
        <v>145</v>
      </c>
      <c r="C2" s="41"/>
      <c r="D2" s="41"/>
      <c r="E2" s="41"/>
      <c r="F2" s="41"/>
      <c r="G2" s="41"/>
      <c r="H2" s="41"/>
      <c r="I2" s="41"/>
      <c r="J2" s="41"/>
    </row>
    <row r="3" spans="1:10" ht="14.1" customHeight="1">
      <c r="A3" s="162"/>
      <c r="B3" s="163" t="s">
        <v>906</v>
      </c>
      <c r="C3" s="163"/>
      <c r="D3" s="163"/>
      <c r="E3" s="163"/>
      <c r="F3" s="163"/>
      <c r="G3" s="163"/>
      <c r="H3" s="163"/>
      <c r="I3" s="163"/>
      <c r="J3" s="163"/>
    </row>
    <row r="4" spans="1:10" ht="14.1" customHeight="1">
      <c r="A4" s="162"/>
      <c r="B4" s="163" t="s">
        <v>146</v>
      </c>
      <c r="C4" s="163"/>
      <c r="D4" s="163"/>
      <c r="E4" s="163"/>
      <c r="F4" s="163"/>
      <c r="G4" s="163"/>
      <c r="H4" s="163"/>
      <c r="I4" s="163"/>
      <c r="J4" s="163"/>
    </row>
    <row r="5" spans="1:10" ht="14.1" customHeight="1">
      <c r="A5" s="162"/>
      <c r="B5" s="163"/>
      <c r="C5" s="163"/>
      <c r="D5" s="163"/>
      <c r="E5" s="163"/>
      <c r="F5" s="163"/>
      <c r="G5" s="163"/>
      <c r="H5" s="163"/>
      <c r="I5" s="163"/>
      <c r="J5" s="163"/>
    </row>
    <row r="6" spans="1:10" ht="14.1" customHeight="1" thickBot="1">
      <c r="A6" s="162"/>
      <c r="B6" s="163" t="s">
        <v>147</v>
      </c>
      <c r="C6" s="163"/>
      <c r="D6" s="163"/>
      <c r="E6" s="163"/>
      <c r="F6" s="163"/>
      <c r="G6" s="163"/>
      <c r="H6" s="163"/>
      <c r="I6" s="163"/>
      <c r="J6" s="163"/>
    </row>
    <row r="7" spans="1:10" ht="14.1" customHeight="1">
      <c r="A7" s="162"/>
      <c r="B7" s="164"/>
      <c r="C7" s="165"/>
      <c r="D7" s="165"/>
      <c r="E7" s="165"/>
      <c r="F7" s="165"/>
      <c r="G7" s="165"/>
      <c r="H7" s="165"/>
      <c r="I7" s="165"/>
      <c r="J7" s="166"/>
    </row>
    <row r="8" spans="1:10" ht="14.1" customHeight="1">
      <c r="A8" s="162"/>
      <c r="B8" s="167"/>
      <c r="C8" s="163"/>
      <c r="D8" s="163"/>
      <c r="E8" s="163"/>
      <c r="F8" s="163"/>
      <c r="G8" s="163"/>
      <c r="H8" s="163"/>
      <c r="I8" s="163"/>
      <c r="J8" s="168"/>
    </row>
    <row r="9" spans="1:10" ht="14.1" customHeight="1">
      <c r="A9" s="162"/>
      <c r="B9" s="167"/>
      <c r="C9" s="163"/>
      <c r="D9" s="163"/>
      <c r="E9" s="163"/>
      <c r="F9" s="163"/>
      <c r="G9" s="163"/>
      <c r="H9" s="163"/>
      <c r="I9" s="163"/>
      <c r="J9" s="168"/>
    </row>
    <row r="10" spans="1:10" ht="14.1" customHeight="1" thickBot="1">
      <c r="A10" s="162"/>
      <c r="B10" s="169"/>
      <c r="C10" s="170"/>
      <c r="D10" s="170"/>
      <c r="E10" s="170"/>
      <c r="F10" s="170"/>
      <c r="G10" s="170"/>
      <c r="H10" s="170"/>
      <c r="I10" s="170"/>
      <c r="J10" s="171"/>
    </row>
    <row r="11" spans="1:10" ht="14.1" customHeight="1">
      <c r="A11" s="162"/>
      <c r="B11" s="163"/>
      <c r="C11" s="163"/>
      <c r="D11" s="163"/>
      <c r="E11" s="163"/>
      <c r="F11" s="163"/>
      <c r="G11" s="163"/>
      <c r="H11" s="163"/>
      <c r="I11" s="163"/>
      <c r="J11" s="163"/>
    </row>
    <row r="12" spans="1:10" ht="14.1" customHeight="1" thickBot="1">
      <c r="B12" s="41" t="s">
        <v>148</v>
      </c>
      <c r="C12" s="41"/>
      <c r="D12" s="41"/>
      <c r="E12" s="41"/>
      <c r="F12" s="41"/>
      <c r="G12" s="41"/>
      <c r="H12" s="41"/>
      <c r="I12" s="41"/>
      <c r="J12" s="41"/>
    </row>
    <row r="13" spans="1:10" s="665" customFormat="1" ht="19.5" customHeight="1">
      <c r="A13" s="662"/>
      <c r="B13" s="1143" t="s">
        <v>149</v>
      </c>
      <c r="C13" s="1144"/>
      <c r="D13" s="1155" t="s">
        <v>899</v>
      </c>
      <c r="E13" s="1156"/>
      <c r="F13" s="1157"/>
      <c r="G13" s="1157"/>
      <c r="H13" s="663"/>
      <c r="I13" s="663"/>
      <c r="J13" s="664"/>
    </row>
    <row r="14" spans="1:10" s="665" customFormat="1" ht="13.2">
      <c r="A14" s="662"/>
      <c r="B14" s="1145" t="s">
        <v>150</v>
      </c>
      <c r="C14" s="1146"/>
      <c r="D14" s="666" t="s">
        <v>151</v>
      </c>
      <c r="E14" s="1158"/>
      <c r="F14" s="1158"/>
      <c r="G14" s="1158"/>
      <c r="H14" s="1158"/>
      <c r="I14" s="1158"/>
      <c r="J14" s="1159"/>
    </row>
    <row r="15" spans="1:10" s="665" customFormat="1" ht="13.2">
      <c r="A15" s="662"/>
      <c r="B15" s="1145"/>
      <c r="C15" s="1146"/>
      <c r="D15" s="666"/>
      <c r="E15" s="1160"/>
      <c r="F15" s="1160"/>
      <c r="G15" s="1160"/>
      <c r="H15" s="1160"/>
      <c r="I15" s="1160"/>
      <c r="J15" s="1161"/>
    </row>
    <row r="16" spans="1:10" s="665" customFormat="1" ht="13.2">
      <c r="A16" s="662"/>
      <c r="B16" s="1145"/>
      <c r="C16" s="1146"/>
      <c r="D16" s="666" t="s">
        <v>152</v>
      </c>
      <c r="E16" s="1160"/>
      <c r="F16" s="1160"/>
      <c r="G16" s="1160"/>
      <c r="H16" s="1160"/>
      <c r="I16" s="1160"/>
      <c r="J16" s="1161"/>
    </row>
    <row r="17" spans="1:10" s="665" customFormat="1" ht="13.2">
      <c r="A17" s="662"/>
      <c r="B17" s="1147"/>
      <c r="C17" s="1148"/>
      <c r="D17" s="667"/>
      <c r="E17" s="1162"/>
      <c r="F17" s="1162"/>
      <c r="G17" s="1162"/>
      <c r="H17" s="1162"/>
      <c r="I17" s="1162"/>
      <c r="J17" s="1163"/>
    </row>
    <row r="18" spans="1:10" s="665" customFormat="1" ht="19.5" customHeight="1">
      <c r="A18" s="662"/>
      <c r="B18" s="1149" t="s">
        <v>153</v>
      </c>
      <c r="C18" s="1150"/>
      <c r="D18" s="1164" t="s">
        <v>899</v>
      </c>
      <c r="E18" s="1165"/>
      <c r="F18" s="1166"/>
      <c r="G18" s="1166"/>
      <c r="H18" s="668"/>
      <c r="I18" s="668"/>
      <c r="J18" s="669"/>
    </row>
    <row r="19" spans="1:10" s="665" customFormat="1" ht="13.2">
      <c r="A19" s="662"/>
      <c r="B19" s="1145" t="s">
        <v>154</v>
      </c>
      <c r="C19" s="1146"/>
      <c r="D19" s="666" t="s">
        <v>151</v>
      </c>
      <c r="E19" s="1160"/>
      <c r="F19" s="1160"/>
      <c r="G19" s="1160"/>
      <c r="H19" s="1160"/>
      <c r="I19" s="1160"/>
      <c r="J19" s="1161"/>
    </row>
    <row r="20" spans="1:10" s="665" customFormat="1" ht="13.2">
      <c r="A20" s="662"/>
      <c r="B20" s="1145"/>
      <c r="C20" s="1146"/>
      <c r="D20" s="666"/>
      <c r="E20" s="1160"/>
      <c r="F20" s="1160"/>
      <c r="G20" s="1160"/>
      <c r="H20" s="1160"/>
      <c r="I20" s="1160"/>
      <c r="J20" s="1161"/>
    </row>
    <row r="21" spans="1:10" s="665" customFormat="1" ht="13.2">
      <c r="A21" s="662"/>
      <c r="B21" s="1145"/>
      <c r="C21" s="1146"/>
      <c r="D21" s="666" t="s">
        <v>152</v>
      </c>
      <c r="E21" s="1160"/>
      <c r="F21" s="1160"/>
      <c r="G21" s="1160"/>
      <c r="H21" s="1160"/>
      <c r="I21" s="1160"/>
      <c r="J21" s="1161"/>
    </row>
    <row r="22" spans="1:10" s="665" customFormat="1" ht="13.8" thickBot="1">
      <c r="A22" s="662"/>
      <c r="B22" s="1151"/>
      <c r="C22" s="1152"/>
      <c r="D22" s="670"/>
      <c r="E22" s="1167"/>
      <c r="F22" s="1167"/>
      <c r="G22" s="1167"/>
      <c r="H22" s="1167"/>
      <c r="I22" s="1167"/>
      <c r="J22" s="1168"/>
    </row>
    <row r="23" spans="1:10" ht="14.1" customHeight="1">
      <c r="A23" s="162"/>
      <c r="B23" s="162"/>
      <c r="C23" s="162"/>
      <c r="D23" s="162"/>
      <c r="E23" s="162"/>
      <c r="F23" s="162"/>
      <c r="G23" s="162"/>
      <c r="H23" s="162"/>
      <c r="I23" s="162"/>
    </row>
    <row r="24" spans="1:10" ht="14.1" customHeight="1">
      <c r="B24" s="41" t="s">
        <v>155</v>
      </c>
      <c r="C24" s="41"/>
      <c r="D24" s="41"/>
      <c r="E24" s="41"/>
      <c r="F24" s="41"/>
      <c r="G24" s="41"/>
      <c r="H24" s="41"/>
      <c r="I24" s="41"/>
      <c r="J24" s="41"/>
    </row>
    <row r="25" spans="1:10" s="671" customFormat="1" ht="14.1" customHeight="1">
      <c r="B25" s="41" t="s">
        <v>156</v>
      </c>
      <c r="C25" s="41"/>
      <c r="D25" s="41"/>
      <c r="E25" s="41"/>
      <c r="F25" s="41"/>
      <c r="G25" s="41"/>
      <c r="H25" s="41"/>
      <c r="I25" s="41"/>
      <c r="J25" s="41"/>
    </row>
    <row r="26" spans="1:10" s="671" customFormat="1" ht="14.1" customHeight="1">
      <c r="B26" s="41"/>
      <c r="C26" s="1169" t="s">
        <v>900</v>
      </c>
      <c r="D26" s="1169"/>
      <c r="E26" s="756"/>
      <c r="F26" s="672" t="s">
        <v>901</v>
      </c>
      <c r="G26" s="1170" t="s">
        <v>902</v>
      </c>
      <c r="H26" s="1170"/>
      <c r="I26" s="1170"/>
      <c r="J26" s="1170"/>
    </row>
    <row r="27" spans="1:10" s="671" customFormat="1" ht="14.1" customHeight="1">
      <c r="B27" s="41"/>
      <c r="C27" s="1169" t="s">
        <v>903</v>
      </c>
      <c r="D27" s="1169"/>
      <c r="E27" s="756"/>
      <c r="F27" s="672" t="s">
        <v>45</v>
      </c>
      <c r="G27" s="1171" t="s">
        <v>902</v>
      </c>
      <c r="H27" s="1171"/>
      <c r="I27" s="1171"/>
      <c r="J27" s="1171"/>
    </row>
    <row r="28" spans="1:10" s="671" customFormat="1" ht="14.1" customHeight="1">
      <c r="B28" s="41"/>
      <c r="D28" s="41" t="s">
        <v>157</v>
      </c>
      <c r="E28" s="41"/>
      <c r="F28" s="41"/>
      <c r="G28" s="41"/>
      <c r="H28" s="41"/>
      <c r="I28" s="41"/>
      <c r="J28" s="41"/>
    </row>
    <row r="29" spans="1:10" s="671" customFormat="1" ht="14.1" customHeight="1">
      <c r="B29" s="41"/>
      <c r="C29" s="1169" t="s">
        <v>904</v>
      </c>
      <c r="D29" s="1169"/>
      <c r="E29" s="756"/>
      <c r="F29" s="41"/>
      <c r="G29" s="41" t="s">
        <v>905</v>
      </c>
      <c r="H29" s="41"/>
      <c r="I29" s="41"/>
      <c r="J29" s="756"/>
    </row>
    <row r="30" spans="1:10" ht="14.1" customHeight="1" thickBot="1">
      <c r="B30" s="41"/>
      <c r="C30" s="41"/>
      <c r="D30" s="41"/>
      <c r="E30" s="41"/>
      <c r="F30" s="41"/>
      <c r="G30" s="41"/>
      <c r="H30" s="41"/>
      <c r="I30" s="41"/>
      <c r="J30" s="41"/>
    </row>
    <row r="31" spans="1:10" ht="14.1" customHeight="1">
      <c r="B31" s="41" t="s">
        <v>158</v>
      </c>
      <c r="C31" s="41"/>
      <c r="D31" s="41"/>
      <c r="E31" s="1153" t="s">
        <v>159</v>
      </c>
      <c r="F31" s="1154"/>
      <c r="G31" s="165"/>
      <c r="H31" s="172" t="s">
        <v>160</v>
      </c>
      <c r="I31" s="165"/>
      <c r="J31" s="173" t="s">
        <v>161</v>
      </c>
    </row>
    <row r="32" spans="1:10" ht="14.1" customHeight="1" thickBot="1">
      <c r="A32" s="162"/>
      <c r="B32" s="41"/>
      <c r="C32" s="41"/>
      <c r="D32" s="41"/>
      <c r="E32" s="1179" t="s">
        <v>162</v>
      </c>
      <c r="F32" s="1180"/>
      <c r="G32" s="1176"/>
      <c r="H32" s="1177"/>
      <c r="I32" s="1177"/>
      <c r="J32" s="1178"/>
    </row>
    <row r="33" spans="1:24" ht="18" customHeight="1" thickBot="1">
      <c r="A33" s="162"/>
      <c r="B33" s="41"/>
      <c r="C33" s="41"/>
      <c r="D33" s="41"/>
      <c r="E33" s="41"/>
      <c r="F33" s="41"/>
      <c r="G33" s="41"/>
      <c r="H33" s="41"/>
      <c r="I33" s="41"/>
      <c r="J33" s="41"/>
      <c r="K33" s="162"/>
      <c r="L33" s="162"/>
      <c r="M33" s="162"/>
      <c r="N33" s="162"/>
      <c r="O33" s="162"/>
      <c r="P33" s="162"/>
      <c r="Q33" s="162"/>
      <c r="R33" s="162"/>
      <c r="S33" s="162"/>
      <c r="T33" s="162"/>
      <c r="U33" s="162"/>
      <c r="V33" s="162"/>
      <c r="W33" s="162"/>
      <c r="X33" s="162"/>
    </row>
    <row r="34" spans="1:24" ht="14.1" customHeight="1">
      <c r="A34" s="162"/>
      <c r="B34" s="1172" t="s">
        <v>163</v>
      </c>
      <c r="C34" s="1173"/>
      <c r="D34" s="541" t="s">
        <v>164</v>
      </c>
      <c r="E34" s="1174" t="s">
        <v>165</v>
      </c>
      <c r="F34" s="1173"/>
      <c r="G34" s="1174" t="s">
        <v>166</v>
      </c>
      <c r="H34" s="1173"/>
      <c r="I34" s="1174" t="s">
        <v>167</v>
      </c>
      <c r="J34" s="1175"/>
      <c r="K34" s="162"/>
      <c r="L34" s="162"/>
      <c r="M34" s="174"/>
      <c r="N34" s="162"/>
      <c r="O34" s="162"/>
      <c r="P34" s="162"/>
      <c r="Q34" s="162"/>
      <c r="R34" s="162"/>
      <c r="S34" s="162"/>
      <c r="T34" s="162"/>
      <c r="U34" s="162"/>
      <c r="V34" s="162"/>
      <c r="W34" s="162"/>
      <c r="X34" s="162"/>
    </row>
    <row r="35" spans="1:24" ht="21.75" customHeight="1">
      <c r="A35" s="162"/>
      <c r="B35" s="167"/>
      <c r="C35" s="163"/>
      <c r="D35" s="175"/>
      <c r="E35" s="175"/>
      <c r="F35" s="176"/>
      <c r="G35" s="163"/>
      <c r="H35" s="163"/>
      <c r="I35" s="175"/>
      <c r="J35" s="168"/>
      <c r="K35" s="162"/>
      <c r="L35" s="162"/>
      <c r="M35" s="174"/>
      <c r="N35" s="162"/>
      <c r="O35" s="162"/>
      <c r="P35" s="162"/>
      <c r="Q35" s="162"/>
      <c r="R35" s="162"/>
      <c r="S35" s="162"/>
      <c r="T35" s="162"/>
      <c r="U35" s="162"/>
      <c r="V35" s="162"/>
      <c r="W35" s="162"/>
      <c r="X35" s="162"/>
    </row>
    <row r="36" spans="1:24" ht="21.75" customHeight="1">
      <c r="A36" s="162"/>
      <c r="B36" s="167"/>
      <c r="C36" s="163"/>
      <c r="D36" s="175"/>
      <c r="E36" s="175"/>
      <c r="F36" s="176"/>
      <c r="G36" s="163"/>
      <c r="H36" s="163"/>
      <c r="I36" s="175"/>
      <c r="J36" s="168"/>
      <c r="K36" s="162"/>
      <c r="L36" s="162"/>
      <c r="M36" s="174"/>
      <c r="N36" s="162"/>
      <c r="O36" s="162"/>
      <c r="P36" s="162"/>
      <c r="Q36" s="162"/>
      <c r="R36" s="162"/>
      <c r="S36" s="162"/>
      <c r="T36" s="162"/>
      <c r="U36" s="162"/>
      <c r="V36" s="162"/>
      <c r="W36" s="162"/>
      <c r="X36" s="162"/>
    </row>
    <row r="37" spans="1:24" ht="21.75" customHeight="1">
      <c r="A37" s="162"/>
      <c r="B37" s="167"/>
      <c r="C37" s="163"/>
      <c r="D37" s="175"/>
      <c r="E37" s="175"/>
      <c r="F37" s="176"/>
      <c r="G37" s="163"/>
      <c r="H37" s="163"/>
      <c r="I37" s="175"/>
      <c r="J37" s="168"/>
      <c r="K37" s="162"/>
      <c r="L37" s="162"/>
      <c r="M37" s="174"/>
      <c r="N37" s="162"/>
      <c r="O37" s="162"/>
      <c r="P37" s="162"/>
      <c r="Q37" s="162"/>
      <c r="R37" s="162"/>
      <c r="S37" s="162"/>
      <c r="T37" s="162"/>
      <c r="U37" s="162"/>
      <c r="V37" s="162"/>
      <c r="W37" s="162"/>
      <c r="X37" s="162"/>
    </row>
    <row r="38" spans="1:24" ht="21.75" customHeight="1">
      <c r="A38" s="162"/>
      <c r="B38" s="167"/>
      <c r="C38" s="163"/>
      <c r="D38" s="175"/>
      <c r="E38" s="175"/>
      <c r="F38" s="176"/>
      <c r="G38" s="163"/>
      <c r="H38" s="163"/>
      <c r="I38" s="175"/>
      <c r="J38" s="168"/>
      <c r="K38" s="162"/>
      <c r="L38" s="162"/>
      <c r="M38" s="174"/>
      <c r="N38" s="162"/>
      <c r="O38" s="162"/>
      <c r="P38" s="162"/>
      <c r="Q38" s="162"/>
      <c r="R38" s="162"/>
      <c r="S38" s="162"/>
      <c r="T38" s="162"/>
      <c r="U38" s="162"/>
      <c r="V38" s="162"/>
      <c r="W38" s="162"/>
      <c r="X38" s="162"/>
    </row>
    <row r="39" spans="1:24" ht="21.75" customHeight="1">
      <c r="A39" s="162"/>
      <c r="B39" s="167"/>
      <c r="C39" s="163"/>
      <c r="D39" s="175"/>
      <c r="E39" s="175"/>
      <c r="F39" s="176"/>
      <c r="G39" s="163"/>
      <c r="H39" s="163"/>
      <c r="I39" s="175"/>
      <c r="J39" s="168"/>
      <c r="K39" s="162"/>
      <c r="L39" s="162"/>
      <c r="M39" s="162"/>
      <c r="N39" s="162"/>
      <c r="O39" s="162"/>
      <c r="P39" s="162"/>
      <c r="Q39" s="162"/>
      <c r="R39" s="162"/>
      <c r="S39" s="162"/>
      <c r="T39" s="162"/>
      <c r="U39" s="162"/>
      <c r="V39" s="162"/>
      <c r="W39" s="162"/>
      <c r="X39" s="162"/>
    </row>
    <row r="40" spans="1:24" ht="21.75" customHeight="1">
      <c r="A40" s="162"/>
      <c r="B40" s="167"/>
      <c r="C40" s="163"/>
      <c r="D40" s="175"/>
      <c r="E40" s="175"/>
      <c r="F40" s="176"/>
      <c r="G40" s="163"/>
      <c r="H40" s="163"/>
      <c r="I40" s="175"/>
      <c r="J40" s="168"/>
      <c r="K40" s="162"/>
      <c r="L40" s="162"/>
      <c r="M40" s="162"/>
      <c r="N40" s="162"/>
      <c r="O40" s="162"/>
      <c r="P40" s="162"/>
      <c r="Q40" s="162"/>
      <c r="R40" s="162"/>
      <c r="S40" s="162"/>
      <c r="T40" s="162"/>
      <c r="U40" s="162"/>
      <c r="V40" s="162"/>
      <c r="W40" s="162"/>
      <c r="X40" s="162"/>
    </row>
    <row r="41" spans="1:24" ht="21.75" customHeight="1" thickBot="1">
      <c r="A41" s="162"/>
      <c r="B41" s="169"/>
      <c r="C41" s="170"/>
      <c r="D41" s="177"/>
      <c r="E41" s="177"/>
      <c r="F41" s="178"/>
      <c r="G41" s="170"/>
      <c r="H41" s="170"/>
      <c r="I41" s="177"/>
      <c r="J41" s="171"/>
      <c r="K41" s="162"/>
      <c r="L41" s="162"/>
      <c r="M41" s="162"/>
      <c r="N41" s="162"/>
      <c r="O41" s="162"/>
      <c r="P41" s="162"/>
      <c r="Q41" s="162"/>
      <c r="R41" s="162"/>
      <c r="S41" s="162"/>
      <c r="T41" s="162"/>
      <c r="U41" s="162"/>
      <c r="V41" s="162"/>
      <c r="W41" s="162"/>
      <c r="X41" s="162"/>
    </row>
    <row r="42" spans="1:24" ht="14.1" customHeight="1">
      <c r="A42" s="162"/>
      <c r="B42" s="41" t="s">
        <v>168</v>
      </c>
      <c r="C42" s="41"/>
      <c r="D42" s="41"/>
      <c r="E42" s="41"/>
      <c r="F42" s="41"/>
      <c r="G42" s="41"/>
      <c r="H42" s="41"/>
      <c r="I42" s="41"/>
      <c r="J42" s="41"/>
      <c r="K42" s="162"/>
      <c r="L42" s="162"/>
      <c r="M42" s="162"/>
      <c r="N42" s="162"/>
      <c r="O42" s="162"/>
      <c r="P42" s="162"/>
      <c r="Q42" s="162"/>
      <c r="R42" s="162"/>
      <c r="S42" s="162"/>
      <c r="T42" s="162"/>
      <c r="U42" s="162"/>
      <c r="V42" s="162"/>
      <c r="W42" s="162"/>
      <c r="X42" s="162"/>
    </row>
    <row r="43" spans="1:24" ht="14.1" customHeight="1">
      <c r="A43" s="162"/>
      <c r="B43" s="41"/>
      <c r="C43" s="41"/>
      <c r="D43" s="41"/>
      <c r="E43" s="41"/>
      <c r="F43" s="41"/>
      <c r="G43" s="41"/>
      <c r="H43" s="41"/>
      <c r="I43" s="41"/>
      <c r="J43" s="41"/>
      <c r="K43" s="162"/>
      <c r="L43" s="162"/>
      <c r="M43" s="162"/>
      <c r="N43" s="162"/>
      <c r="O43" s="162"/>
      <c r="P43" s="162"/>
      <c r="Q43" s="162"/>
      <c r="R43" s="162"/>
      <c r="S43" s="162"/>
      <c r="T43" s="162"/>
      <c r="U43" s="162"/>
      <c r="V43" s="162"/>
      <c r="W43" s="162"/>
      <c r="X43" s="162"/>
    </row>
    <row r="44" spans="1:24" ht="14.1" customHeight="1" thickBot="1">
      <c r="A44" s="162"/>
      <c r="B44" s="41" t="s">
        <v>169</v>
      </c>
      <c r="C44" s="41"/>
      <c r="D44" s="41"/>
      <c r="E44" s="41"/>
      <c r="F44" s="41"/>
      <c r="G44" s="41"/>
      <c r="H44" s="41"/>
      <c r="I44" s="41"/>
      <c r="J44" s="41"/>
      <c r="K44" s="162"/>
      <c r="L44" s="162"/>
      <c r="M44" s="162"/>
      <c r="N44" s="162"/>
      <c r="O44" s="162"/>
      <c r="P44" s="162"/>
      <c r="Q44" s="162"/>
      <c r="R44" s="162"/>
      <c r="S44" s="162"/>
      <c r="T44" s="162"/>
      <c r="U44" s="162"/>
      <c r="V44" s="162"/>
      <c r="W44" s="162"/>
      <c r="X44" s="162"/>
    </row>
    <row r="45" spans="1:24" ht="14.1" customHeight="1">
      <c r="B45" s="1172" t="s">
        <v>170</v>
      </c>
      <c r="C45" s="1173"/>
      <c r="D45" s="1174" t="s">
        <v>171</v>
      </c>
      <c r="E45" s="1173"/>
      <c r="F45" s="1174" t="s">
        <v>172</v>
      </c>
      <c r="G45" s="1175"/>
      <c r="H45" s="41"/>
      <c r="I45" s="41"/>
      <c r="J45" s="41"/>
      <c r="K45" s="162"/>
      <c r="L45" s="162"/>
      <c r="M45" s="162"/>
      <c r="N45" s="162"/>
      <c r="O45" s="162"/>
      <c r="P45" s="162"/>
      <c r="Q45" s="162"/>
      <c r="R45" s="162"/>
      <c r="S45" s="162"/>
      <c r="T45" s="162"/>
      <c r="U45" s="162"/>
      <c r="V45" s="162"/>
      <c r="W45" s="162"/>
      <c r="X45" s="162"/>
    </row>
    <row r="46" spans="1:24" ht="14.1" customHeight="1">
      <c r="B46" s="167"/>
      <c r="C46" s="163"/>
      <c r="D46" s="175"/>
      <c r="E46" s="176"/>
      <c r="F46" s="163"/>
      <c r="G46" s="168"/>
      <c r="H46" s="41"/>
      <c r="I46" s="41"/>
      <c r="J46" s="41"/>
    </row>
    <row r="47" spans="1:24" ht="14.1" customHeight="1">
      <c r="B47" s="167"/>
      <c r="C47" s="163"/>
      <c r="D47" s="175"/>
      <c r="E47" s="176"/>
      <c r="F47" s="163"/>
      <c r="G47" s="168"/>
      <c r="H47" s="41"/>
      <c r="I47" s="41"/>
      <c r="J47" s="41"/>
    </row>
    <row r="48" spans="1:24" ht="14.1" customHeight="1">
      <c r="B48" s="167"/>
      <c r="C48" s="163"/>
      <c r="D48" s="175"/>
      <c r="E48" s="176"/>
      <c r="F48" s="163"/>
      <c r="G48" s="168"/>
      <c r="H48" s="41"/>
      <c r="I48" s="41"/>
      <c r="J48" s="41"/>
    </row>
    <row r="49" spans="2:10" ht="14.1" customHeight="1">
      <c r="B49" s="167"/>
      <c r="C49" s="163"/>
      <c r="D49" s="175"/>
      <c r="E49" s="176"/>
      <c r="F49" s="163"/>
      <c r="G49" s="168"/>
      <c r="H49" s="41"/>
      <c r="I49" s="41"/>
      <c r="J49" s="41"/>
    </row>
    <row r="50" spans="2:10" ht="14.1" customHeight="1">
      <c r="B50" s="167"/>
      <c r="C50" s="163"/>
      <c r="D50" s="175"/>
      <c r="E50" s="176"/>
      <c r="F50" s="163"/>
      <c r="G50" s="168"/>
      <c r="H50" s="41"/>
      <c r="I50" s="41"/>
      <c r="J50" s="41"/>
    </row>
    <row r="51" spans="2:10" ht="14.1" customHeight="1" thickBot="1">
      <c r="B51" s="169"/>
      <c r="C51" s="170"/>
      <c r="D51" s="177"/>
      <c r="E51" s="178"/>
      <c r="F51" s="170"/>
      <c r="G51" s="171"/>
      <c r="H51" s="41"/>
      <c r="I51" s="41"/>
      <c r="J51" s="41"/>
    </row>
  </sheetData>
  <mergeCells count="26">
    <mergeCell ref="B45:C45"/>
    <mergeCell ref="D45:E45"/>
    <mergeCell ref="F45:G45"/>
    <mergeCell ref="G32:H32"/>
    <mergeCell ref="I32:J32"/>
    <mergeCell ref="B34:C34"/>
    <mergeCell ref="E34:F34"/>
    <mergeCell ref="G34:H34"/>
    <mergeCell ref="I34:J34"/>
    <mergeCell ref="E32:F32"/>
    <mergeCell ref="B13:C13"/>
    <mergeCell ref="B14:C17"/>
    <mergeCell ref="B18:C18"/>
    <mergeCell ref="B19:C22"/>
    <mergeCell ref="E31:F31"/>
    <mergeCell ref="D13:G13"/>
    <mergeCell ref="E14:J15"/>
    <mergeCell ref="E16:J17"/>
    <mergeCell ref="D18:G18"/>
    <mergeCell ref="E19:J20"/>
    <mergeCell ref="E21:J22"/>
    <mergeCell ref="C26:D26"/>
    <mergeCell ref="G26:J26"/>
    <mergeCell ref="C27:D27"/>
    <mergeCell ref="G27:J27"/>
    <mergeCell ref="C29:D29"/>
  </mergeCells>
  <phoneticPr fontId="3"/>
  <dataValidations count="4">
    <dataValidation type="list" allowBlank="1" showInputMessage="1" promptTitle="規定内容" prompt="リストから選択してください。" sqref="E27" xr:uid="{61AB49D6-8E58-4A95-87E9-9407E63EC63B}">
      <formula1>"不審者,※水害,津波,台風,※土砂崩,－,"</formula1>
    </dataValidation>
    <dataValidation type="list" imeMode="on" allowBlank="1" showInputMessage="1" promptTitle="策定の有無" prompt="リストから選択してください。" sqref="E26" xr:uid="{882A1BD1-1681-40F9-BD18-444F4A533B37}">
      <formula1>"有,無,"</formula1>
    </dataValidation>
    <dataValidation type="list" imeMode="on" allowBlank="1" showInputMessage="1" promptTitle="指定の状況" prompt="リストから選択してください。" sqref="E29" xr:uid="{489FB1C0-70F1-4B4E-8E23-E4ED770203FB}">
      <formula1>"水害,土砂崩,指定なし,"</formula1>
    </dataValidation>
    <dataValidation type="list" imeMode="on" allowBlank="1" showInputMessage="1" promptTitle="作成の有無" prompt="リストから選択してください。" sqref="J29" xr:uid="{45D58F48-1E9A-4D3F-AC24-5494F256F4E7}">
      <formula1>"有,無,"</formula1>
    </dataValidation>
  </dataValidations>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7650" r:id="rId4" name="Check Box 2">
              <controlPr defaultSize="0" autoFill="0" autoLine="0" autoPict="0">
                <anchor moveWithCells="1">
                  <from>
                    <xdr:col>6</xdr:col>
                    <xdr:colOff>502920</xdr:colOff>
                    <xdr:row>30</xdr:row>
                    <xdr:rowOff>137160</xdr:rowOff>
                  </from>
                  <to>
                    <xdr:col>8</xdr:col>
                    <xdr:colOff>22860</xdr:colOff>
                    <xdr:row>32</xdr:row>
                    <xdr:rowOff>60960</xdr:rowOff>
                  </to>
                </anchor>
              </controlPr>
            </control>
          </mc:Choice>
        </mc:AlternateContent>
        <mc:AlternateContent xmlns:mc="http://schemas.openxmlformats.org/markup-compatibility/2006">
          <mc:Choice Requires="x14">
            <control shapeId="27651" r:id="rId5" name="Check Box 3">
              <controlPr defaultSize="0" autoFill="0" autoLine="0" autoPict="0">
                <anchor moveWithCells="1">
                  <from>
                    <xdr:col>8</xdr:col>
                    <xdr:colOff>99060</xdr:colOff>
                    <xdr:row>30</xdr:row>
                    <xdr:rowOff>137160</xdr:rowOff>
                  </from>
                  <to>
                    <xdr:col>9</xdr:col>
                    <xdr:colOff>152400</xdr:colOff>
                    <xdr:row>32</xdr:row>
                    <xdr:rowOff>3810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dimension ref="B1:J37"/>
  <sheetViews>
    <sheetView view="pageBreakPreview" zoomScaleNormal="100" zoomScaleSheetLayoutView="100" workbookViewId="0">
      <selection activeCell="B28" sqref="B28:C28"/>
    </sheetView>
  </sheetViews>
  <sheetFormatPr defaultColWidth="8" defaultRowHeight="12"/>
  <cols>
    <col min="1" max="1" width="3" style="180" customWidth="1"/>
    <col min="2" max="4" width="8" style="180" customWidth="1"/>
    <col min="5" max="5" width="10.109375" style="180" customWidth="1"/>
    <col min="6" max="6" width="8" style="180" customWidth="1"/>
    <col min="7" max="7" width="9.44140625" style="180" customWidth="1"/>
    <col min="8" max="9" width="8" style="180" customWidth="1"/>
    <col min="10" max="10" width="9.88671875" style="180" customWidth="1"/>
    <col min="11" max="256" width="8" style="180"/>
    <col min="257" max="257" width="3" style="180" customWidth="1"/>
    <col min="258" max="260" width="8" style="180" customWidth="1"/>
    <col min="261" max="261" width="10.109375" style="180" customWidth="1"/>
    <col min="262" max="262" width="8" style="180" customWidth="1"/>
    <col min="263" max="263" width="9.44140625" style="180" customWidth="1"/>
    <col min="264" max="265" width="8" style="180" customWidth="1"/>
    <col min="266" max="266" width="9.88671875" style="180" customWidth="1"/>
    <col min="267" max="512" width="8" style="180"/>
    <col min="513" max="513" width="3" style="180" customWidth="1"/>
    <col min="514" max="516" width="8" style="180" customWidth="1"/>
    <col min="517" max="517" width="10.109375" style="180" customWidth="1"/>
    <col min="518" max="518" width="8" style="180" customWidth="1"/>
    <col min="519" max="519" width="9.44140625" style="180" customWidth="1"/>
    <col min="520" max="521" width="8" style="180" customWidth="1"/>
    <col min="522" max="522" width="9.88671875" style="180" customWidth="1"/>
    <col min="523" max="768" width="8" style="180"/>
    <col min="769" max="769" width="3" style="180" customWidth="1"/>
    <col min="770" max="772" width="8" style="180" customWidth="1"/>
    <col min="773" max="773" width="10.109375" style="180" customWidth="1"/>
    <col min="774" max="774" width="8" style="180" customWidth="1"/>
    <col min="775" max="775" width="9.44140625" style="180" customWidth="1"/>
    <col min="776" max="777" width="8" style="180" customWidth="1"/>
    <col min="778" max="778" width="9.88671875" style="180" customWidth="1"/>
    <col min="779" max="1024" width="8" style="180"/>
    <col min="1025" max="1025" width="3" style="180" customWidth="1"/>
    <col min="1026" max="1028" width="8" style="180" customWidth="1"/>
    <col min="1029" max="1029" width="10.109375" style="180" customWidth="1"/>
    <col min="1030" max="1030" width="8" style="180" customWidth="1"/>
    <col min="1031" max="1031" width="9.44140625" style="180" customWidth="1"/>
    <col min="1032" max="1033" width="8" style="180" customWidth="1"/>
    <col min="1034" max="1034" width="9.88671875" style="180" customWidth="1"/>
    <col min="1035" max="1280" width="8" style="180"/>
    <col min="1281" max="1281" width="3" style="180" customWidth="1"/>
    <col min="1282" max="1284" width="8" style="180" customWidth="1"/>
    <col min="1285" max="1285" width="10.109375" style="180" customWidth="1"/>
    <col min="1286" max="1286" width="8" style="180" customWidth="1"/>
    <col min="1287" max="1287" width="9.44140625" style="180" customWidth="1"/>
    <col min="1288" max="1289" width="8" style="180" customWidth="1"/>
    <col min="1290" max="1290" width="9.88671875" style="180" customWidth="1"/>
    <col min="1291" max="1536" width="8" style="180"/>
    <col min="1537" max="1537" width="3" style="180" customWidth="1"/>
    <col min="1538" max="1540" width="8" style="180" customWidth="1"/>
    <col min="1541" max="1541" width="10.109375" style="180" customWidth="1"/>
    <col min="1542" max="1542" width="8" style="180" customWidth="1"/>
    <col min="1543" max="1543" width="9.44140625" style="180" customWidth="1"/>
    <col min="1544" max="1545" width="8" style="180" customWidth="1"/>
    <col min="1546" max="1546" width="9.88671875" style="180" customWidth="1"/>
    <col min="1547" max="1792" width="8" style="180"/>
    <col min="1793" max="1793" width="3" style="180" customWidth="1"/>
    <col min="1794" max="1796" width="8" style="180" customWidth="1"/>
    <col min="1797" max="1797" width="10.109375" style="180" customWidth="1"/>
    <col min="1798" max="1798" width="8" style="180" customWidth="1"/>
    <col min="1799" max="1799" width="9.44140625" style="180" customWidth="1"/>
    <col min="1800" max="1801" width="8" style="180" customWidth="1"/>
    <col min="1802" max="1802" width="9.88671875" style="180" customWidth="1"/>
    <col min="1803" max="2048" width="8" style="180"/>
    <col min="2049" max="2049" width="3" style="180" customWidth="1"/>
    <col min="2050" max="2052" width="8" style="180" customWidth="1"/>
    <col min="2053" max="2053" width="10.109375" style="180" customWidth="1"/>
    <col min="2054" max="2054" width="8" style="180" customWidth="1"/>
    <col min="2055" max="2055" width="9.44140625" style="180" customWidth="1"/>
    <col min="2056" max="2057" width="8" style="180" customWidth="1"/>
    <col min="2058" max="2058" width="9.88671875" style="180" customWidth="1"/>
    <col min="2059" max="2304" width="8" style="180"/>
    <col min="2305" max="2305" width="3" style="180" customWidth="1"/>
    <col min="2306" max="2308" width="8" style="180" customWidth="1"/>
    <col min="2309" max="2309" width="10.109375" style="180" customWidth="1"/>
    <col min="2310" max="2310" width="8" style="180" customWidth="1"/>
    <col min="2311" max="2311" width="9.44140625" style="180" customWidth="1"/>
    <col min="2312" max="2313" width="8" style="180" customWidth="1"/>
    <col min="2314" max="2314" width="9.88671875" style="180" customWidth="1"/>
    <col min="2315" max="2560" width="8" style="180"/>
    <col min="2561" max="2561" width="3" style="180" customWidth="1"/>
    <col min="2562" max="2564" width="8" style="180" customWidth="1"/>
    <col min="2565" max="2565" width="10.109375" style="180" customWidth="1"/>
    <col min="2566" max="2566" width="8" style="180" customWidth="1"/>
    <col min="2567" max="2567" width="9.44140625" style="180" customWidth="1"/>
    <col min="2568" max="2569" width="8" style="180" customWidth="1"/>
    <col min="2570" max="2570" width="9.88671875" style="180" customWidth="1"/>
    <col min="2571" max="2816" width="8" style="180"/>
    <col min="2817" max="2817" width="3" style="180" customWidth="1"/>
    <col min="2818" max="2820" width="8" style="180" customWidth="1"/>
    <col min="2821" max="2821" width="10.109375" style="180" customWidth="1"/>
    <col min="2822" max="2822" width="8" style="180" customWidth="1"/>
    <col min="2823" max="2823" width="9.44140625" style="180" customWidth="1"/>
    <col min="2824" max="2825" width="8" style="180" customWidth="1"/>
    <col min="2826" max="2826" width="9.88671875" style="180" customWidth="1"/>
    <col min="2827" max="3072" width="8" style="180"/>
    <col min="3073" max="3073" width="3" style="180" customWidth="1"/>
    <col min="3074" max="3076" width="8" style="180" customWidth="1"/>
    <col min="3077" max="3077" width="10.109375" style="180" customWidth="1"/>
    <col min="3078" max="3078" width="8" style="180" customWidth="1"/>
    <col min="3079" max="3079" width="9.44140625" style="180" customWidth="1"/>
    <col min="3080" max="3081" width="8" style="180" customWidth="1"/>
    <col min="3082" max="3082" width="9.88671875" style="180" customWidth="1"/>
    <col min="3083" max="3328" width="8" style="180"/>
    <col min="3329" max="3329" width="3" style="180" customWidth="1"/>
    <col min="3330" max="3332" width="8" style="180" customWidth="1"/>
    <col min="3333" max="3333" width="10.109375" style="180" customWidth="1"/>
    <col min="3334" max="3334" width="8" style="180" customWidth="1"/>
    <col min="3335" max="3335" width="9.44140625" style="180" customWidth="1"/>
    <col min="3336" max="3337" width="8" style="180" customWidth="1"/>
    <col min="3338" max="3338" width="9.88671875" style="180" customWidth="1"/>
    <col min="3339" max="3584" width="8" style="180"/>
    <col min="3585" max="3585" width="3" style="180" customWidth="1"/>
    <col min="3586" max="3588" width="8" style="180" customWidth="1"/>
    <col min="3589" max="3589" width="10.109375" style="180" customWidth="1"/>
    <col min="3590" max="3590" width="8" style="180" customWidth="1"/>
    <col min="3591" max="3591" width="9.44140625" style="180" customWidth="1"/>
    <col min="3592" max="3593" width="8" style="180" customWidth="1"/>
    <col min="3594" max="3594" width="9.88671875" style="180" customWidth="1"/>
    <col min="3595" max="3840" width="8" style="180"/>
    <col min="3841" max="3841" width="3" style="180" customWidth="1"/>
    <col min="3842" max="3844" width="8" style="180" customWidth="1"/>
    <col min="3845" max="3845" width="10.109375" style="180" customWidth="1"/>
    <col min="3846" max="3846" width="8" style="180" customWidth="1"/>
    <col min="3847" max="3847" width="9.44140625" style="180" customWidth="1"/>
    <col min="3848" max="3849" width="8" style="180" customWidth="1"/>
    <col min="3850" max="3850" width="9.88671875" style="180" customWidth="1"/>
    <col min="3851" max="4096" width="8" style="180"/>
    <col min="4097" max="4097" width="3" style="180" customWidth="1"/>
    <col min="4098" max="4100" width="8" style="180" customWidth="1"/>
    <col min="4101" max="4101" width="10.109375" style="180" customWidth="1"/>
    <col min="4102" max="4102" width="8" style="180" customWidth="1"/>
    <col min="4103" max="4103" width="9.44140625" style="180" customWidth="1"/>
    <col min="4104" max="4105" width="8" style="180" customWidth="1"/>
    <col min="4106" max="4106" width="9.88671875" style="180" customWidth="1"/>
    <col min="4107" max="4352" width="8" style="180"/>
    <col min="4353" max="4353" width="3" style="180" customWidth="1"/>
    <col min="4354" max="4356" width="8" style="180" customWidth="1"/>
    <col min="4357" max="4357" width="10.109375" style="180" customWidth="1"/>
    <col min="4358" max="4358" width="8" style="180" customWidth="1"/>
    <col min="4359" max="4359" width="9.44140625" style="180" customWidth="1"/>
    <col min="4360" max="4361" width="8" style="180" customWidth="1"/>
    <col min="4362" max="4362" width="9.88671875" style="180" customWidth="1"/>
    <col min="4363" max="4608" width="8" style="180"/>
    <col min="4609" max="4609" width="3" style="180" customWidth="1"/>
    <col min="4610" max="4612" width="8" style="180" customWidth="1"/>
    <col min="4613" max="4613" width="10.109375" style="180" customWidth="1"/>
    <col min="4614" max="4614" width="8" style="180" customWidth="1"/>
    <col min="4615" max="4615" width="9.44140625" style="180" customWidth="1"/>
    <col min="4616" max="4617" width="8" style="180" customWidth="1"/>
    <col min="4618" max="4618" width="9.88671875" style="180" customWidth="1"/>
    <col min="4619" max="4864" width="8" style="180"/>
    <col min="4865" max="4865" width="3" style="180" customWidth="1"/>
    <col min="4866" max="4868" width="8" style="180" customWidth="1"/>
    <col min="4869" max="4869" width="10.109375" style="180" customWidth="1"/>
    <col min="4870" max="4870" width="8" style="180" customWidth="1"/>
    <col min="4871" max="4871" width="9.44140625" style="180" customWidth="1"/>
    <col min="4872" max="4873" width="8" style="180" customWidth="1"/>
    <col min="4874" max="4874" width="9.88671875" style="180" customWidth="1"/>
    <col min="4875" max="5120" width="8" style="180"/>
    <col min="5121" max="5121" width="3" style="180" customWidth="1"/>
    <col min="5122" max="5124" width="8" style="180" customWidth="1"/>
    <col min="5125" max="5125" width="10.109375" style="180" customWidth="1"/>
    <col min="5126" max="5126" width="8" style="180" customWidth="1"/>
    <col min="5127" max="5127" width="9.44140625" style="180" customWidth="1"/>
    <col min="5128" max="5129" width="8" style="180" customWidth="1"/>
    <col min="5130" max="5130" width="9.88671875" style="180" customWidth="1"/>
    <col min="5131" max="5376" width="8" style="180"/>
    <col min="5377" max="5377" width="3" style="180" customWidth="1"/>
    <col min="5378" max="5380" width="8" style="180" customWidth="1"/>
    <col min="5381" max="5381" width="10.109375" style="180" customWidth="1"/>
    <col min="5382" max="5382" width="8" style="180" customWidth="1"/>
    <col min="5383" max="5383" width="9.44140625" style="180" customWidth="1"/>
    <col min="5384" max="5385" width="8" style="180" customWidth="1"/>
    <col min="5386" max="5386" width="9.88671875" style="180" customWidth="1"/>
    <col min="5387" max="5632" width="8" style="180"/>
    <col min="5633" max="5633" width="3" style="180" customWidth="1"/>
    <col min="5634" max="5636" width="8" style="180" customWidth="1"/>
    <col min="5637" max="5637" width="10.109375" style="180" customWidth="1"/>
    <col min="5638" max="5638" width="8" style="180" customWidth="1"/>
    <col min="5639" max="5639" width="9.44140625" style="180" customWidth="1"/>
    <col min="5640" max="5641" width="8" style="180" customWidth="1"/>
    <col min="5642" max="5642" width="9.88671875" style="180" customWidth="1"/>
    <col min="5643" max="5888" width="8" style="180"/>
    <col min="5889" max="5889" width="3" style="180" customWidth="1"/>
    <col min="5890" max="5892" width="8" style="180" customWidth="1"/>
    <col min="5893" max="5893" width="10.109375" style="180" customWidth="1"/>
    <col min="5894" max="5894" width="8" style="180" customWidth="1"/>
    <col min="5895" max="5895" width="9.44140625" style="180" customWidth="1"/>
    <col min="5896" max="5897" width="8" style="180" customWidth="1"/>
    <col min="5898" max="5898" width="9.88671875" style="180" customWidth="1"/>
    <col min="5899" max="6144" width="8" style="180"/>
    <col min="6145" max="6145" width="3" style="180" customWidth="1"/>
    <col min="6146" max="6148" width="8" style="180" customWidth="1"/>
    <col min="6149" max="6149" width="10.109375" style="180" customWidth="1"/>
    <col min="6150" max="6150" width="8" style="180" customWidth="1"/>
    <col min="6151" max="6151" width="9.44140625" style="180" customWidth="1"/>
    <col min="6152" max="6153" width="8" style="180" customWidth="1"/>
    <col min="6154" max="6154" width="9.88671875" style="180" customWidth="1"/>
    <col min="6155" max="6400" width="8" style="180"/>
    <col min="6401" max="6401" width="3" style="180" customWidth="1"/>
    <col min="6402" max="6404" width="8" style="180" customWidth="1"/>
    <col min="6405" max="6405" width="10.109375" style="180" customWidth="1"/>
    <col min="6406" max="6406" width="8" style="180" customWidth="1"/>
    <col min="6407" max="6407" width="9.44140625" style="180" customWidth="1"/>
    <col min="6408" max="6409" width="8" style="180" customWidth="1"/>
    <col min="6410" max="6410" width="9.88671875" style="180" customWidth="1"/>
    <col min="6411" max="6656" width="8" style="180"/>
    <col min="6657" max="6657" width="3" style="180" customWidth="1"/>
    <col min="6658" max="6660" width="8" style="180" customWidth="1"/>
    <col min="6661" max="6661" width="10.109375" style="180" customWidth="1"/>
    <col min="6662" max="6662" width="8" style="180" customWidth="1"/>
    <col min="6663" max="6663" width="9.44140625" style="180" customWidth="1"/>
    <col min="6664" max="6665" width="8" style="180" customWidth="1"/>
    <col min="6666" max="6666" width="9.88671875" style="180" customWidth="1"/>
    <col min="6667" max="6912" width="8" style="180"/>
    <col min="6913" max="6913" width="3" style="180" customWidth="1"/>
    <col min="6914" max="6916" width="8" style="180" customWidth="1"/>
    <col min="6917" max="6917" width="10.109375" style="180" customWidth="1"/>
    <col min="6918" max="6918" width="8" style="180" customWidth="1"/>
    <col min="6919" max="6919" width="9.44140625" style="180" customWidth="1"/>
    <col min="6920" max="6921" width="8" style="180" customWidth="1"/>
    <col min="6922" max="6922" width="9.88671875" style="180" customWidth="1"/>
    <col min="6923" max="7168" width="8" style="180"/>
    <col min="7169" max="7169" width="3" style="180" customWidth="1"/>
    <col min="7170" max="7172" width="8" style="180" customWidth="1"/>
    <col min="7173" max="7173" width="10.109375" style="180" customWidth="1"/>
    <col min="7174" max="7174" width="8" style="180" customWidth="1"/>
    <col min="7175" max="7175" width="9.44140625" style="180" customWidth="1"/>
    <col min="7176" max="7177" width="8" style="180" customWidth="1"/>
    <col min="7178" max="7178" width="9.88671875" style="180" customWidth="1"/>
    <col min="7179" max="7424" width="8" style="180"/>
    <col min="7425" max="7425" width="3" style="180" customWidth="1"/>
    <col min="7426" max="7428" width="8" style="180" customWidth="1"/>
    <col min="7429" max="7429" width="10.109375" style="180" customWidth="1"/>
    <col min="7430" max="7430" width="8" style="180" customWidth="1"/>
    <col min="7431" max="7431" width="9.44140625" style="180" customWidth="1"/>
    <col min="7432" max="7433" width="8" style="180" customWidth="1"/>
    <col min="7434" max="7434" width="9.88671875" style="180" customWidth="1"/>
    <col min="7435" max="7680" width="8" style="180"/>
    <col min="7681" max="7681" width="3" style="180" customWidth="1"/>
    <col min="7682" max="7684" width="8" style="180" customWidth="1"/>
    <col min="7685" max="7685" width="10.109375" style="180" customWidth="1"/>
    <col min="7686" max="7686" width="8" style="180" customWidth="1"/>
    <col min="7687" max="7687" width="9.44140625" style="180" customWidth="1"/>
    <col min="7688" max="7689" width="8" style="180" customWidth="1"/>
    <col min="7690" max="7690" width="9.88671875" style="180" customWidth="1"/>
    <col min="7691" max="7936" width="8" style="180"/>
    <col min="7937" max="7937" width="3" style="180" customWidth="1"/>
    <col min="7938" max="7940" width="8" style="180" customWidth="1"/>
    <col min="7941" max="7941" width="10.109375" style="180" customWidth="1"/>
    <col min="7942" max="7942" width="8" style="180" customWidth="1"/>
    <col min="7943" max="7943" width="9.44140625" style="180" customWidth="1"/>
    <col min="7944" max="7945" width="8" style="180" customWidth="1"/>
    <col min="7946" max="7946" width="9.88671875" style="180" customWidth="1"/>
    <col min="7947" max="8192" width="8" style="180"/>
    <col min="8193" max="8193" width="3" style="180" customWidth="1"/>
    <col min="8194" max="8196" width="8" style="180" customWidth="1"/>
    <col min="8197" max="8197" width="10.109375" style="180" customWidth="1"/>
    <col min="8198" max="8198" width="8" style="180" customWidth="1"/>
    <col min="8199" max="8199" width="9.44140625" style="180" customWidth="1"/>
    <col min="8200" max="8201" width="8" style="180" customWidth="1"/>
    <col min="8202" max="8202" width="9.88671875" style="180" customWidth="1"/>
    <col min="8203" max="8448" width="8" style="180"/>
    <col min="8449" max="8449" width="3" style="180" customWidth="1"/>
    <col min="8450" max="8452" width="8" style="180" customWidth="1"/>
    <col min="8453" max="8453" width="10.109375" style="180" customWidth="1"/>
    <col min="8454" max="8454" width="8" style="180" customWidth="1"/>
    <col min="8455" max="8455" width="9.44140625" style="180" customWidth="1"/>
    <col min="8456" max="8457" width="8" style="180" customWidth="1"/>
    <col min="8458" max="8458" width="9.88671875" style="180" customWidth="1"/>
    <col min="8459" max="8704" width="8" style="180"/>
    <col min="8705" max="8705" width="3" style="180" customWidth="1"/>
    <col min="8706" max="8708" width="8" style="180" customWidth="1"/>
    <col min="8709" max="8709" width="10.109375" style="180" customWidth="1"/>
    <col min="8710" max="8710" width="8" style="180" customWidth="1"/>
    <col min="8711" max="8711" width="9.44140625" style="180" customWidth="1"/>
    <col min="8712" max="8713" width="8" style="180" customWidth="1"/>
    <col min="8714" max="8714" width="9.88671875" style="180" customWidth="1"/>
    <col min="8715" max="8960" width="8" style="180"/>
    <col min="8961" max="8961" width="3" style="180" customWidth="1"/>
    <col min="8962" max="8964" width="8" style="180" customWidth="1"/>
    <col min="8965" max="8965" width="10.109375" style="180" customWidth="1"/>
    <col min="8966" max="8966" width="8" style="180" customWidth="1"/>
    <col min="8967" max="8967" width="9.44140625" style="180" customWidth="1"/>
    <col min="8968" max="8969" width="8" style="180" customWidth="1"/>
    <col min="8970" max="8970" width="9.88671875" style="180" customWidth="1"/>
    <col min="8971" max="9216" width="8" style="180"/>
    <col min="9217" max="9217" width="3" style="180" customWidth="1"/>
    <col min="9218" max="9220" width="8" style="180" customWidth="1"/>
    <col min="9221" max="9221" width="10.109375" style="180" customWidth="1"/>
    <col min="9222" max="9222" width="8" style="180" customWidth="1"/>
    <col min="9223" max="9223" width="9.44140625" style="180" customWidth="1"/>
    <col min="9224" max="9225" width="8" style="180" customWidth="1"/>
    <col min="9226" max="9226" width="9.88671875" style="180" customWidth="1"/>
    <col min="9227" max="9472" width="8" style="180"/>
    <col min="9473" max="9473" width="3" style="180" customWidth="1"/>
    <col min="9474" max="9476" width="8" style="180" customWidth="1"/>
    <col min="9477" max="9477" width="10.109375" style="180" customWidth="1"/>
    <col min="9478" max="9478" width="8" style="180" customWidth="1"/>
    <col min="9479" max="9479" width="9.44140625" style="180" customWidth="1"/>
    <col min="9480" max="9481" width="8" style="180" customWidth="1"/>
    <col min="9482" max="9482" width="9.88671875" style="180" customWidth="1"/>
    <col min="9483" max="9728" width="8" style="180"/>
    <col min="9729" max="9729" width="3" style="180" customWidth="1"/>
    <col min="9730" max="9732" width="8" style="180" customWidth="1"/>
    <col min="9733" max="9733" width="10.109375" style="180" customWidth="1"/>
    <col min="9734" max="9734" width="8" style="180" customWidth="1"/>
    <col min="9735" max="9735" width="9.44140625" style="180" customWidth="1"/>
    <col min="9736" max="9737" width="8" style="180" customWidth="1"/>
    <col min="9738" max="9738" width="9.88671875" style="180" customWidth="1"/>
    <col min="9739" max="9984" width="8" style="180"/>
    <col min="9985" max="9985" width="3" style="180" customWidth="1"/>
    <col min="9986" max="9988" width="8" style="180" customWidth="1"/>
    <col min="9989" max="9989" width="10.109375" style="180" customWidth="1"/>
    <col min="9990" max="9990" width="8" style="180" customWidth="1"/>
    <col min="9991" max="9991" width="9.44140625" style="180" customWidth="1"/>
    <col min="9992" max="9993" width="8" style="180" customWidth="1"/>
    <col min="9994" max="9994" width="9.88671875" style="180" customWidth="1"/>
    <col min="9995" max="10240" width="8" style="180"/>
    <col min="10241" max="10241" width="3" style="180" customWidth="1"/>
    <col min="10242" max="10244" width="8" style="180" customWidth="1"/>
    <col min="10245" max="10245" width="10.109375" style="180" customWidth="1"/>
    <col min="10246" max="10246" width="8" style="180" customWidth="1"/>
    <col min="10247" max="10247" width="9.44140625" style="180" customWidth="1"/>
    <col min="10248" max="10249" width="8" style="180" customWidth="1"/>
    <col min="10250" max="10250" width="9.88671875" style="180" customWidth="1"/>
    <col min="10251" max="10496" width="8" style="180"/>
    <col min="10497" max="10497" width="3" style="180" customWidth="1"/>
    <col min="10498" max="10500" width="8" style="180" customWidth="1"/>
    <col min="10501" max="10501" width="10.109375" style="180" customWidth="1"/>
    <col min="10502" max="10502" width="8" style="180" customWidth="1"/>
    <col min="10503" max="10503" width="9.44140625" style="180" customWidth="1"/>
    <col min="10504" max="10505" width="8" style="180" customWidth="1"/>
    <col min="10506" max="10506" width="9.88671875" style="180" customWidth="1"/>
    <col min="10507" max="10752" width="8" style="180"/>
    <col min="10753" max="10753" width="3" style="180" customWidth="1"/>
    <col min="10754" max="10756" width="8" style="180" customWidth="1"/>
    <col min="10757" max="10757" width="10.109375" style="180" customWidth="1"/>
    <col min="10758" max="10758" width="8" style="180" customWidth="1"/>
    <col min="10759" max="10759" width="9.44140625" style="180" customWidth="1"/>
    <col min="10760" max="10761" width="8" style="180" customWidth="1"/>
    <col min="10762" max="10762" width="9.88671875" style="180" customWidth="1"/>
    <col min="10763" max="11008" width="8" style="180"/>
    <col min="11009" max="11009" width="3" style="180" customWidth="1"/>
    <col min="11010" max="11012" width="8" style="180" customWidth="1"/>
    <col min="11013" max="11013" width="10.109375" style="180" customWidth="1"/>
    <col min="11014" max="11014" width="8" style="180" customWidth="1"/>
    <col min="11015" max="11015" width="9.44140625" style="180" customWidth="1"/>
    <col min="11016" max="11017" width="8" style="180" customWidth="1"/>
    <col min="11018" max="11018" width="9.88671875" style="180" customWidth="1"/>
    <col min="11019" max="11264" width="8" style="180"/>
    <col min="11265" max="11265" width="3" style="180" customWidth="1"/>
    <col min="11266" max="11268" width="8" style="180" customWidth="1"/>
    <col min="11269" max="11269" width="10.109375" style="180" customWidth="1"/>
    <col min="11270" max="11270" width="8" style="180" customWidth="1"/>
    <col min="11271" max="11271" width="9.44140625" style="180" customWidth="1"/>
    <col min="11272" max="11273" width="8" style="180" customWidth="1"/>
    <col min="11274" max="11274" width="9.88671875" style="180" customWidth="1"/>
    <col min="11275" max="11520" width="8" style="180"/>
    <col min="11521" max="11521" width="3" style="180" customWidth="1"/>
    <col min="11522" max="11524" width="8" style="180" customWidth="1"/>
    <col min="11525" max="11525" width="10.109375" style="180" customWidth="1"/>
    <col min="11526" max="11526" width="8" style="180" customWidth="1"/>
    <col min="11527" max="11527" width="9.44140625" style="180" customWidth="1"/>
    <col min="11528" max="11529" width="8" style="180" customWidth="1"/>
    <col min="11530" max="11530" width="9.88671875" style="180" customWidth="1"/>
    <col min="11531" max="11776" width="8" style="180"/>
    <col min="11777" max="11777" width="3" style="180" customWidth="1"/>
    <col min="11778" max="11780" width="8" style="180" customWidth="1"/>
    <col min="11781" max="11781" width="10.109375" style="180" customWidth="1"/>
    <col min="11782" max="11782" width="8" style="180" customWidth="1"/>
    <col min="11783" max="11783" width="9.44140625" style="180" customWidth="1"/>
    <col min="11784" max="11785" width="8" style="180" customWidth="1"/>
    <col min="11786" max="11786" width="9.88671875" style="180" customWidth="1"/>
    <col min="11787" max="12032" width="8" style="180"/>
    <col min="12033" max="12033" width="3" style="180" customWidth="1"/>
    <col min="12034" max="12036" width="8" style="180" customWidth="1"/>
    <col min="12037" max="12037" width="10.109375" style="180" customWidth="1"/>
    <col min="12038" max="12038" width="8" style="180" customWidth="1"/>
    <col min="12039" max="12039" width="9.44140625" style="180" customWidth="1"/>
    <col min="12040" max="12041" width="8" style="180" customWidth="1"/>
    <col min="12042" max="12042" width="9.88671875" style="180" customWidth="1"/>
    <col min="12043" max="12288" width="8" style="180"/>
    <col min="12289" max="12289" width="3" style="180" customWidth="1"/>
    <col min="12290" max="12292" width="8" style="180" customWidth="1"/>
    <col min="12293" max="12293" width="10.109375" style="180" customWidth="1"/>
    <col min="12294" max="12294" width="8" style="180" customWidth="1"/>
    <col min="12295" max="12295" width="9.44140625" style="180" customWidth="1"/>
    <col min="12296" max="12297" width="8" style="180" customWidth="1"/>
    <col min="12298" max="12298" width="9.88671875" style="180" customWidth="1"/>
    <col min="12299" max="12544" width="8" style="180"/>
    <col min="12545" max="12545" width="3" style="180" customWidth="1"/>
    <col min="12546" max="12548" width="8" style="180" customWidth="1"/>
    <col min="12549" max="12549" width="10.109375" style="180" customWidth="1"/>
    <col min="12550" max="12550" width="8" style="180" customWidth="1"/>
    <col min="12551" max="12551" width="9.44140625" style="180" customWidth="1"/>
    <col min="12552" max="12553" width="8" style="180" customWidth="1"/>
    <col min="12554" max="12554" width="9.88671875" style="180" customWidth="1"/>
    <col min="12555" max="12800" width="8" style="180"/>
    <col min="12801" max="12801" width="3" style="180" customWidth="1"/>
    <col min="12802" max="12804" width="8" style="180" customWidth="1"/>
    <col min="12805" max="12805" width="10.109375" style="180" customWidth="1"/>
    <col min="12806" max="12806" width="8" style="180" customWidth="1"/>
    <col min="12807" max="12807" width="9.44140625" style="180" customWidth="1"/>
    <col min="12808" max="12809" width="8" style="180" customWidth="1"/>
    <col min="12810" max="12810" width="9.88671875" style="180" customWidth="1"/>
    <col min="12811" max="13056" width="8" style="180"/>
    <col min="13057" max="13057" width="3" style="180" customWidth="1"/>
    <col min="13058" max="13060" width="8" style="180" customWidth="1"/>
    <col min="13061" max="13061" width="10.109375" style="180" customWidth="1"/>
    <col min="13062" max="13062" width="8" style="180" customWidth="1"/>
    <col min="13063" max="13063" width="9.44140625" style="180" customWidth="1"/>
    <col min="13064" max="13065" width="8" style="180" customWidth="1"/>
    <col min="13066" max="13066" width="9.88671875" style="180" customWidth="1"/>
    <col min="13067" max="13312" width="8" style="180"/>
    <col min="13313" max="13313" width="3" style="180" customWidth="1"/>
    <col min="13314" max="13316" width="8" style="180" customWidth="1"/>
    <col min="13317" max="13317" width="10.109375" style="180" customWidth="1"/>
    <col min="13318" max="13318" width="8" style="180" customWidth="1"/>
    <col min="13319" max="13319" width="9.44140625" style="180" customWidth="1"/>
    <col min="13320" max="13321" width="8" style="180" customWidth="1"/>
    <col min="13322" max="13322" width="9.88671875" style="180" customWidth="1"/>
    <col min="13323" max="13568" width="8" style="180"/>
    <col min="13569" max="13569" width="3" style="180" customWidth="1"/>
    <col min="13570" max="13572" width="8" style="180" customWidth="1"/>
    <col min="13573" max="13573" width="10.109375" style="180" customWidth="1"/>
    <col min="13574" max="13574" width="8" style="180" customWidth="1"/>
    <col min="13575" max="13575" width="9.44140625" style="180" customWidth="1"/>
    <col min="13576" max="13577" width="8" style="180" customWidth="1"/>
    <col min="13578" max="13578" width="9.88671875" style="180" customWidth="1"/>
    <col min="13579" max="13824" width="8" style="180"/>
    <col min="13825" max="13825" width="3" style="180" customWidth="1"/>
    <col min="13826" max="13828" width="8" style="180" customWidth="1"/>
    <col min="13829" max="13829" width="10.109375" style="180" customWidth="1"/>
    <col min="13830" max="13830" width="8" style="180" customWidth="1"/>
    <col min="13831" max="13831" width="9.44140625" style="180" customWidth="1"/>
    <col min="13832" max="13833" width="8" style="180" customWidth="1"/>
    <col min="13834" max="13834" width="9.88671875" style="180" customWidth="1"/>
    <col min="13835" max="14080" width="8" style="180"/>
    <col min="14081" max="14081" width="3" style="180" customWidth="1"/>
    <col min="14082" max="14084" width="8" style="180" customWidth="1"/>
    <col min="14085" max="14085" width="10.109375" style="180" customWidth="1"/>
    <col min="14086" max="14086" width="8" style="180" customWidth="1"/>
    <col min="14087" max="14087" width="9.44140625" style="180" customWidth="1"/>
    <col min="14088" max="14089" width="8" style="180" customWidth="1"/>
    <col min="14090" max="14090" width="9.88671875" style="180" customWidth="1"/>
    <col min="14091" max="14336" width="8" style="180"/>
    <col min="14337" max="14337" width="3" style="180" customWidth="1"/>
    <col min="14338" max="14340" width="8" style="180" customWidth="1"/>
    <col min="14341" max="14341" width="10.109375" style="180" customWidth="1"/>
    <col min="14342" max="14342" width="8" style="180" customWidth="1"/>
    <col min="14343" max="14343" width="9.44140625" style="180" customWidth="1"/>
    <col min="14344" max="14345" width="8" style="180" customWidth="1"/>
    <col min="14346" max="14346" width="9.88671875" style="180" customWidth="1"/>
    <col min="14347" max="14592" width="8" style="180"/>
    <col min="14593" max="14593" width="3" style="180" customWidth="1"/>
    <col min="14594" max="14596" width="8" style="180" customWidth="1"/>
    <col min="14597" max="14597" width="10.109375" style="180" customWidth="1"/>
    <col min="14598" max="14598" width="8" style="180" customWidth="1"/>
    <col min="14599" max="14599" width="9.44140625" style="180" customWidth="1"/>
    <col min="14600" max="14601" width="8" style="180" customWidth="1"/>
    <col min="14602" max="14602" width="9.88671875" style="180" customWidth="1"/>
    <col min="14603" max="14848" width="8" style="180"/>
    <col min="14849" max="14849" width="3" style="180" customWidth="1"/>
    <col min="14850" max="14852" width="8" style="180" customWidth="1"/>
    <col min="14853" max="14853" width="10.109375" style="180" customWidth="1"/>
    <col min="14854" max="14854" width="8" style="180" customWidth="1"/>
    <col min="14855" max="14855" width="9.44140625" style="180" customWidth="1"/>
    <col min="14856" max="14857" width="8" style="180" customWidth="1"/>
    <col min="14858" max="14858" width="9.88671875" style="180" customWidth="1"/>
    <col min="14859" max="15104" width="8" style="180"/>
    <col min="15105" max="15105" width="3" style="180" customWidth="1"/>
    <col min="15106" max="15108" width="8" style="180" customWidth="1"/>
    <col min="15109" max="15109" width="10.109375" style="180" customWidth="1"/>
    <col min="15110" max="15110" width="8" style="180" customWidth="1"/>
    <col min="15111" max="15111" width="9.44140625" style="180" customWidth="1"/>
    <col min="15112" max="15113" width="8" style="180" customWidth="1"/>
    <col min="15114" max="15114" width="9.88671875" style="180" customWidth="1"/>
    <col min="15115" max="15360" width="8" style="180"/>
    <col min="15361" max="15361" width="3" style="180" customWidth="1"/>
    <col min="15362" max="15364" width="8" style="180" customWidth="1"/>
    <col min="15365" max="15365" width="10.109375" style="180" customWidth="1"/>
    <col min="15366" max="15366" width="8" style="180" customWidth="1"/>
    <col min="15367" max="15367" width="9.44140625" style="180" customWidth="1"/>
    <col min="15368" max="15369" width="8" style="180" customWidth="1"/>
    <col min="15370" max="15370" width="9.88671875" style="180" customWidth="1"/>
    <col min="15371" max="15616" width="8" style="180"/>
    <col min="15617" max="15617" width="3" style="180" customWidth="1"/>
    <col min="15618" max="15620" width="8" style="180" customWidth="1"/>
    <col min="15621" max="15621" width="10.109375" style="180" customWidth="1"/>
    <col min="15622" max="15622" width="8" style="180" customWidth="1"/>
    <col min="15623" max="15623" width="9.44140625" style="180" customWidth="1"/>
    <col min="15624" max="15625" width="8" style="180" customWidth="1"/>
    <col min="15626" max="15626" width="9.88671875" style="180" customWidth="1"/>
    <col min="15627" max="15872" width="8" style="180"/>
    <col min="15873" max="15873" width="3" style="180" customWidth="1"/>
    <col min="15874" max="15876" width="8" style="180" customWidth="1"/>
    <col min="15877" max="15877" width="10.109375" style="180" customWidth="1"/>
    <col min="15878" max="15878" width="8" style="180" customWidth="1"/>
    <col min="15879" max="15879" width="9.44140625" style="180" customWidth="1"/>
    <col min="15880" max="15881" width="8" style="180" customWidth="1"/>
    <col min="15882" max="15882" width="9.88671875" style="180" customWidth="1"/>
    <col min="15883" max="16128" width="8" style="180"/>
    <col min="16129" max="16129" width="3" style="180" customWidth="1"/>
    <col min="16130" max="16132" width="8" style="180" customWidth="1"/>
    <col min="16133" max="16133" width="10.109375" style="180" customWidth="1"/>
    <col min="16134" max="16134" width="8" style="180" customWidth="1"/>
    <col min="16135" max="16135" width="9.44140625" style="180" customWidth="1"/>
    <col min="16136" max="16137" width="8" style="180" customWidth="1"/>
    <col min="16138" max="16138" width="9.88671875" style="180" customWidth="1"/>
    <col min="16139" max="16384" width="8" style="180"/>
  </cols>
  <sheetData>
    <row r="1" spans="2:10" ht="12.6" thickBot="1">
      <c r="B1" s="179" t="s">
        <v>173</v>
      </c>
    </row>
    <row r="2" spans="2:10" ht="18.75" customHeight="1">
      <c r="B2" s="1181" t="s">
        <v>174</v>
      </c>
      <c r="C2" s="1182"/>
      <c r="D2" s="1187" t="s">
        <v>175</v>
      </c>
      <c r="E2" s="1187" t="s">
        <v>176</v>
      </c>
      <c r="F2" s="181" t="s">
        <v>908</v>
      </c>
      <c r="G2" s="1198"/>
      <c r="H2" s="1198"/>
      <c r="I2" s="673" t="s">
        <v>907</v>
      </c>
      <c r="J2" s="182" t="s">
        <v>177</v>
      </c>
    </row>
    <row r="3" spans="2:10" ht="18.75" customHeight="1">
      <c r="B3" s="1183"/>
      <c r="C3" s="1184"/>
      <c r="D3" s="1188"/>
      <c r="E3" s="1188"/>
      <c r="F3" s="183" t="s">
        <v>908</v>
      </c>
      <c r="G3" s="1199"/>
      <c r="H3" s="1199"/>
      <c r="I3" s="188" t="s">
        <v>907</v>
      </c>
      <c r="J3" s="184" t="s">
        <v>178</v>
      </c>
    </row>
    <row r="4" spans="2:10" ht="18.75" customHeight="1">
      <c r="B4" s="1183"/>
      <c r="C4" s="1184"/>
      <c r="D4" s="1188"/>
      <c r="E4" s="1189"/>
      <c r="F4" s="183" t="s">
        <v>908</v>
      </c>
      <c r="G4" s="1200"/>
      <c r="H4" s="1200"/>
      <c r="I4" s="188" t="s">
        <v>907</v>
      </c>
      <c r="J4" s="184" t="s">
        <v>178</v>
      </c>
    </row>
    <row r="5" spans="2:10" ht="18.75" customHeight="1">
      <c r="B5" s="1183"/>
      <c r="C5" s="1184"/>
      <c r="D5" s="1189"/>
      <c r="E5" s="185" t="s">
        <v>179</v>
      </c>
      <c r="F5" s="1190"/>
      <c r="G5" s="1191"/>
      <c r="H5" s="1191"/>
      <c r="I5" s="1192"/>
      <c r="J5" s="186" t="s">
        <v>178</v>
      </c>
    </row>
    <row r="6" spans="2:10" ht="18.75" customHeight="1">
      <c r="B6" s="1183"/>
      <c r="C6" s="1184"/>
      <c r="D6" s="1193" t="s">
        <v>180</v>
      </c>
      <c r="E6" s="185" t="s">
        <v>181</v>
      </c>
      <c r="F6" s="1195"/>
      <c r="G6" s="1196"/>
      <c r="H6" s="1196"/>
      <c r="I6" s="1197"/>
      <c r="J6" s="186" t="s">
        <v>177</v>
      </c>
    </row>
    <row r="7" spans="2:10" ht="18.75" customHeight="1">
      <c r="B7" s="1185"/>
      <c r="C7" s="1186"/>
      <c r="D7" s="1194"/>
      <c r="E7" s="187" t="s">
        <v>182</v>
      </c>
      <c r="F7" s="183" t="s">
        <v>183</v>
      </c>
      <c r="G7" s="188"/>
      <c r="H7" s="188"/>
      <c r="I7" s="188"/>
      <c r="J7" s="189"/>
    </row>
    <row r="8" spans="2:10" ht="12" customHeight="1">
      <c r="B8" s="1208" t="s">
        <v>184</v>
      </c>
      <c r="C8" s="1209"/>
      <c r="D8" s="1210" t="s">
        <v>185</v>
      </c>
      <c r="E8" s="1212"/>
      <c r="F8" s="1213"/>
      <c r="G8" s="1213"/>
      <c r="H8" s="1213"/>
      <c r="I8" s="1213"/>
      <c r="J8" s="1214"/>
    </row>
    <row r="9" spans="2:10" ht="12" customHeight="1">
      <c r="B9" s="1183"/>
      <c r="C9" s="1184"/>
      <c r="D9" s="1211"/>
      <c r="E9" s="1215"/>
      <c r="F9" s="1216"/>
      <c r="G9" s="1216"/>
      <c r="H9" s="1216"/>
      <c r="I9" s="1216"/>
      <c r="J9" s="1217"/>
    </row>
    <row r="10" spans="2:10" ht="12" customHeight="1">
      <c r="B10" s="1183"/>
      <c r="C10" s="1184"/>
      <c r="D10" s="1210" t="s">
        <v>186</v>
      </c>
      <c r="E10" s="1212"/>
      <c r="F10" s="1213"/>
      <c r="G10" s="1213"/>
      <c r="H10" s="1213"/>
      <c r="I10" s="1213"/>
      <c r="J10" s="1214"/>
    </row>
    <row r="11" spans="2:10" ht="12" customHeight="1">
      <c r="B11" s="1183"/>
      <c r="C11" s="1184"/>
      <c r="D11" s="1211"/>
      <c r="E11" s="1215"/>
      <c r="F11" s="1216"/>
      <c r="G11" s="1216"/>
      <c r="H11" s="1216"/>
      <c r="I11" s="1216"/>
      <c r="J11" s="1217"/>
    </row>
    <row r="12" spans="2:10" ht="18.75" customHeight="1">
      <c r="B12" s="1185"/>
      <c r="C12" s="1186"/>
      <c r="D12" s="674" t="s">
        <v>187</v>
      </c>
      <c r="E12" s="1240"/>
      <c r="F12" s="1241"/>
      <c r="G12" s="1218"/>
      <c r="H12" s="1219"/>
      <c r="I12" s="1219"/>
      <c r="J12" s="1220"/>
    </row>
    <row r="13" spans="2:10" ht="12.75" customHeight="1">
      <c r="B13" s="1221" t="s">
        <v>188</v>
      </c>
      <c r="C13" s="1209"/>
      <c r="D13" s="1224" t="s">
        <v>189</v>
      </c>
      <c r="E13" s="1225"/>
      <c r="F13" s="1225"/>
      <c r="G13" s="1225"/>
      <c r="H13" s="1225"/>
      <c r="I13" s="1225"/>
      <c r="J13" s="1226"/>
    </row>
    <row r="14" spans="2:10" ht="12.75" customHeight="1">
      <c r="B14" s="1183"/>
      <c r="C14" s="1184"/>
      <c r="D14" s="1227"/>
      <c r="E14" s="1228"/>
      <c r="F14" s="1228"/>
      <c r="G14" s="1228"/>
      <c r="H14" s="1228"/>
      <c r="I14" s="1228"/>
      <c r="J14" s="1229"/>
    </row>
    <row r="15" spans="2:10" ht="12.75" customHeight="1">
      <c r="B15" s="1183"/>
      <c r="C15" s="1184"/>
      <c r="D15" s="1227"/>
      <c r="E15" s="1228"/>
      <c r="F15" s="1228"/>
      <c r="G15" s="1228"/>
      <c r="H15" s="1228"/>
      <c r="I15" s="1228"/>
      <c r="J15" s="1229"/>
    </row>
    <row r="16" spans="2:10" ht="12.75" customHeight="1">
      <c r="B16" s="1183"/>
      <c r="C16" s="1184"/>
      <c r="D16" s="1230"/>
      <c r="E16" s="1231"/>
      <c r="F16" s="1231"/>
      <c r="G16" s="1231"/>
      <c r="H16" s="1231"/>
      <c r="I16" s="1231"/>
      <c r="J16" s="1232"/>
    </row>
    <row r="17" spans="2:10" ht="18.75" customHeight="1" thickBot="1">
      <c r="B17" s="1222"/>
      <c r="C17" s="1223"/>
      <c r="D17" s="1233" t="s">
        <v>190</v>
      </c>
      <c r="E17" s="1234"/>
      <c r="F17" s="1235"/>
      <c r="G17" s="1236"/>
      <c r="H17" s="1237"/>
      <c r="I17" s="1238"/>
      <c r="J17" s="1239"/>
    </row>
    <row r="18" spans="2:10" ht="18" customHeight="1">
      <c r="B18" s="180" t="s">
        <v>191</v>
      </c>
    </row>
    <row r="19" spans="2:10">
      <c r="B19" s="180" t="s">
        <v>192</v>
      </c>
    </row>
    <row r="20" spans="2:10">
      <c r="B20" s="180" t="s">
        <v>193</v>
      </c>
    </row>
    <row r="21" spans="2:10">
      <c r="B21" s="180" t="s">
        <v>194</v>
      </c>
    </row>
    <row r="23" spans="2:10" ht="12.6" thickBot="1">
      <c r="B23" s="179" t="s">
        <v>195</v>
      </c>
    </row>
    <row r="24" spans="2:10" ht="21" customHeight="1">
      <c r="B24" s="1201" t="s">
        <v>196</v>
      </c>
      <c r="C24" s="1202"/>
      <c r="D24" s="191"/>
      <c r="E24" s="1203" t="s">
        <v>197</v>
      </c>
      <c r="F24" s="1204"/>
      <c r="G24" s="192" t="s">
        <v>198</v>
      </c>
      <c r="H24" s="1205" t="s">
        <v>199</v>
      </c>
      <c r="I24" s="1206"/>
      <c r="J24" s="1207"/>
    </row>
    <row r="25" spans="2:10" ht="21" customHeight="1">
      <c r="B25" s="193" t="s">
        <v>200</v>
      </c>
      <c r="C25" s="190"/>
      <c r="D25" s="676"/>
      <c r="E25" s="188"/>
      <c r="F25" s="188"/>
      <c r="G25" s="1246"/>
      <c r="H25" s="1247"/>
      <c r="I25" s="1247"/>
      <c r="J25" s="1248"/>
    </row>
    <row r="26" spans="2:10" ht="21" customHeight="1">
      <c r="B26" s="193" t="s">
        <v>201</v>
      </c>
      <c r="C26" s="190"/>
      <c r="D26" s="677"/>
      <c r="E26" s="678"/>
      <c r="F26" s="675" t="s">
        <v>178</v>
      </c>
      <c r="G26" s="1249"/>
      <c r="H26" s="1250"/>
      <c r="I26" s="1250"/>
      <c r="J26" s="1251"/>
    </row>
    <row r="27" spans="2:10" ht="31.5" customHeight="1">
      <c r="B27" s="1252" t="s">
        <v>202</v>
      </c>
      <c r="C27" s="1192"/>
      <c r="D27" s="1253" t="s">
        <v>203</v>
      </c>
      <c r="E27" s="1254"/>
      <c r="F27" s="1254"/>
      <c r="G27" s="1254"/>
      <c r="H27" s="1254"/>
      <c r="I27" s="1255"/>
      <c r="J27" s="194"/>
    </row>
    <row r="28" spans="2:10" ht="27.75" customHeight="1">
      <c r="B28" s="1256" t="s">
        <v>204</v>
      </c>
      <c r="C28" s="1257"/>
      <c r="D28" s="628"/>
      <c r="E28" s="1258" t="s">
        <v>205</v>
      </c>
      <c r="F28" s="1255"/>
      <c r="G28" s="1246"/>
      <c r="H28" s="1247"/>
      <c r="I28" s="1247"/>
      <c r="J28" s="1248"/>
    </row>
    <row r="29" spans="2:10" ht="21" customHeight="1" thickBot="1">
      <c r="B29" s="195" t="s">
        <v>206</v>
      </c>
      <c r="C29" s="196"/>
      <c r="D29" s="1259" t="s">
        <v>207</v>
      </c>
      <c r="E29" s="1260"/>
      <c r="F29" s="1261"/>
      <c r="G29" s="1237"/>
      <c r="H29" s="1238"/>
      <c r="I29" s="1238"/>
      <c r="J29" s="1239"/>
    </row>
    <row r="31" spans="2:10" ht="12.6" thickBot="1">
      <c r="B31" s="179" t="s">
        <v>208</v>
      </c>
    </row>
    <row r="32" spans="2:10" ht="21" customHeight="1">
      <c r="B32" s="679" t="s">
        <v>209</v>
      </c>
      <c r="C32" s="1242"/>
      <c r="D32" s="1242"/>
      <c r="E32" s="197"/>
      <c r="F32" s="197"/>
      <c r="G32" s="197"/>
      <c r="H32" s="197"/>
      <c r="I32" s="197"/>
      <c r="J32" s="198"/>
    </row>
    <row r="33" spans="2:10" ht="42.75" customHeight="1">
      <c r="B33" s="1243" t="s">
        <v>210</v>
      </c>
      <c r="C33" s="78"/>
      <c r="D33" s="78"/>
      <c r="E33" s="78"/>
      <c r="F33" s="78"/>
      <c r="G33" s="78"/>
      <c r="H33" s="78"/>
      <c r="I33" s="78"/>
      <c r="J33" s="199"/>
    </row>
    <row r="34" spans="2:10" ht="42.75" customHeight="1">
      <c r="B34" s="1244"/>
      <c r="C34" s="78"/>
      <c r="D34" s="78"/>
      <c r="E34" s="78"/>
      <c r="F34" s="78"/>
      <c r="G34" s="78"/>
      <c r="H34" s="78"/>
      <c r="I34" s="78"/>
      <c r="J34" s="199"/>
    </row>
    <row r="35" spans="2:10" ht="42.75" customHeight="1">
      <c r="B35" s="1244"/>
      <c r="C35" s="78"/>
      <c r="D35" s="78"/>
      <c r="E35" s="78"/>
      <c r="F35" s="78"/>
      <c r="G35" s="78"/>
      <c r="H35" s="78"/>
      <c r="I35" s="78"/>
      <c r="J35" s="199"/>
    </row>
    <row r="36" spans="2:10" ht="42.75" customHeight="1">
      <c r="B36" s="1244"/>
      <c r="C36" s="78"/>
      <c r="D36" s="78"/>
      <c r="E36" s="78"/>
      <c r="F36" s="78"/>
      <c r="G36" s="78"/>
      <c r="H36" s="78"/>
      <c r="I36" s="78"/>
      <c r="J36" s="199"/>
    </row>
    <row r="37" spans="2:10" ht="42.75" customHeight="1" thickBot="1">
      <c r="B37" s="1245"/>
      <c r="C37" s="109"/>
      <c r="D37" s="109"/>
      <c r="E37" s="109"/>
      <c r="F37" s="109"/>
      <c r="G37" s="109"/>
      <c r="H37" s="109"/>
      <c r="I37" s="109"/>
      <c r="J37" s="200"/>
    </row>
  </sheetData>
  <mergeCells count="35">
    <mergeCell ref="G29:J29"/>
    <mergeCell ref="C32:D32"/>
    <mergeCell ref="B33:B37"/>
    <mergeCell ref="G25:J25"/>
    <mergeCell ref="G26:J26"/>
    <mergeCell ref="B27:C27"/>
    <mergeCell ref="D27:I27"/>
    <mergeCell ref="B28:C28"/>
    <mergeCell ref="E28:F28"/>
    <mergeCell ref="G28:J28"/>
    <mergeCell ref="D29:F29"/>
    <mergeCell ref="B24:C24"/>
    <mergeCell ref="E24:F24"/>
    <mergeCell ref="H24:J24"/>
    <mergeCell ref="B8:C12"/>
    <mergeCell ref="D8:D9"/>
    <mergeCell ref="E8:J9"/>
    <mergeCell ref="D10:D11"/>
    <mergeCell ref="E10:J11"/>
    <mergeCell ref="G12:J12"/>
    <mergeCell ref="B13:C17"/>
    <mergeCell ref="D13:J16"/>
    <mergeCell ref="D17:E17"/>
    <mergeCell ref="F17:G17"/>
    <mergeCell ref="H17:J17"/>
    <mergeCell ref="E12:F12"/>
    <mergeCell ref="B2:C7"/>
    <mergeCell ref="D2:D5"/>
    <mergeCell ref="E2:E4"/>
    <mergeCell ref="F5:I5"/>
    <mergeCell ref="D6:D7"/>
    <mergeCell ref="F6:I6"/>
    <mergeCell ref="G2:H2"/>
    <mergeCell ref="G3:H3"/>
    <mergeCell ref="G4:H4"/>
  </mergeCells>
  <phoneticPr fontId="3"/>
  <printOptions horizontalCentered="1" verticalCentered="1"/>
  <pageMargins left="0.78740157480314965" right="0.78740157480314965" top="0.98425196850393704" bottom="0.98425196850393704" header="0.51181102362204722" footer="0.51181102362204722"/>
  <pageSetup paperSize="9" scale="95" orientation="portrait" r:id="rId1"/>
  <headerFooter alignWithMargins="0">
    <oddFooter>&amp;C&amp;A</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8675" r:id="rId4" name="Check Box 3">
              <controlPr defaultSize="0" autoFill="0" autoLine="0" autoPict="0">
                <anchor moveWithCells="1">
                  <from>
                    <xdr:col>4</xdr:col>
                    <xdr:colOff>266700</xdr:colOff>
                    <xdr:row>10</xdr:row>
                    <xdr:rowOff>144780</xdr:rowOff>
                  </from>
                  <to>
                    <xdr:col>5</xdr:col>
                    <xdr:colOff>15240</xdr:colOff>
                    <xdr:row>12</xdr:row>
                    <xdr:rowOff>22860</xdr:rowOff>
                  </to>
                </anchor>
              </controlPr>
            </control>
          </mc:Choice>
        </mc:AlternateContent>
        <mc:AlternateContent xmlns:mc="http://schemas.openxmlformats.org/markup-compatibility/2006">
          <mc:Choice Requires="x14">
            <control shapeId="28676" r:id="rId5" name="Check Box 4">
              <controlPr defaultSize="0" autoFill="0" autoLine="0" autoPict="0">
                <anchor moveWithCells="1">
                  <from>
                    <xdr:col>5</xdr:col>
                    <xdr:colOff>91440</xdr:colOff>
                    <xdr:row>11</xdr:row>
                    <xdr:rowOff>15240</xdr:rowOff>
                  </from>
                  <to>
                    <xdr:col>5</xdr:col>
                    <xdr:colOff>518160</xdr:colOff>
                    <xdr:row>12</xdr:row>
                    <xdr:rowOff>7620</xdr:rowOff>
                  </to>
                </anchor>
              </controlPr>
            </control>
          </mc:Choice>
        </mc:AlternateContent>
        <mc:AlternateContent xmlns:mc="http://schemas.openxmlformats.org/markup-compatibility/2006">
          <mc:Choice Requires="x14">
            <control shapeId="28677" r:id="rId6" name="Check Box 5">
              <controlPr defaultSize="0" autoFill="0" autoLine="0" autoPict="0">
                <anchor moveWithCells="1">
                  <from>
                    <xdr:col>5</xdr:col>
                    <xdr:colOff>190500</xdr:colOff>
                    <xdr:row>15</xdr:row>
                    <xdr:rowOff>137160</xdr:rowOff>
                  </from>
                  <to>
                    <xdr:col>6</xdr:col>
                    <xdr:colOff>83820</xdr:colOff>
                    <xdr:row>17</xdr:row>
                    <xdr:rowOff>7620</xdr:rowOff>
                  </to>
                </anchor>
              </controlPr>
            </control>
          </mc:Choice>
        </mc:AlternateContent>
        <mc:AlternateContent xmlns:mc="http://schemas.openxmlformats.org/markup-compatibility/2006">
          <mc:Choice Requires="x14">
            <control shapeId="28678" r:id="rId7" name="Check Box 6">
              <controlPr defaultSize="0" autoFill="0" autoLine="0" autoPict="0">
                <anchor moveWithCells="1">
                  <from>
                    <xdr:col>6</xdr:col>
                    <xdr:colOff>160020</xdr:colOff>
                    <xdr:row>16</xdr:row>
                    <xdr:rowOff>0</xdr:rowOff>
                  </from>
                  <to>
                    <xdr:col>6</xdr:col>
                    <xdr:colOff>586740</xdr:colOff>
                    <xdr:row>16</xdr:row>
                    <xdr:rowOff>228600</xdr:rowOff>
                  </to>
                </anchor>
              </controlPr>
            </control>
          </mc:Choice>
        </mc:AlternateContent>
        <mc:AlternateContent xmlns:mc="http://schemas.openxmlformats.org/markup-compatibility/2006">
          <mc:Choice Requires="x14">
            <control shapeId="28679" r:id="rId8" name="Check Box 7">
              <controlPr defaultSize="0" autoFill="0" autoLine="0" autoPict="0">
                <anchor moveWithCells="1">
                  <from>
                    <xdr:col>2</xdr:col>
                    <xdr:colOff>114300</xdr:colOff>
                    <xdr:row>31</xdr:row>
                    <xdr:rowOff>0</xdr:rowOff>
                  </from>
                  <to>
                    <xdr:col>3</xdr:col>
                    <xdr:colOff>7620</xdr:colOff>
                    <xdr:row>32</xdr:row>
                    <xdr:rowOff>0</xdr:rowOff>
                  </to>
                </anchor>
              </controlPr>
            </control>
          </mc:Choice>
        </mc:AlternateContent>
        <mc:AlternateContent xmlns:mc="http://schemas.openxmlformats.org/markup-compatibility/2006">
          <mc:Choice Requires="x14">
            <control shapeId="28680" r:id="rId9" name="Check Box 8">
              <controlPr defaultSize="0" autoFill="0" autoLine="0" autoPict="0">
                <anchor moveWithCells="1">
                  <from>
                    <xdr:col>3</xdr:col>
                    <xdr:colOff>83820</xdr:colOff>
                    <xdr:row>31</xdr:row>
                    <xdr:rowOff>22860</xdr:rowOff>
                  </from>
                  <to>
                    <xdr:col>3</xdr:col>
                    <xdr:colOff>510540</xdr:colOff>
                    <xdr:row>31</xdr:row>
                    <xdr:rowOff>25146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C204FD-564D-4FB8-88C6-B179665D0E19}">
  <sheetPr codeName="Sheet28">
    <pageSetUpPr fitToPage="1"/>
  </sheetPr>
  <dimension ref="A1:Q62"/>
  <sheetViews>
    <sheetView view="pageBreakPreview" zoomScaleNormal="100" zoomScaleSheetLayoutView="100" workbookViewId="0">
      <pane ySplit="7" topLeftCell="A8" activePane="bottomLeft" state="frozen"/>
      <selection sqref="A1:Q1"/>
      <selection pane="bottomLeft" sqref="A1:XFD2"/>
    </sheetView>
  </sheetViews>
  <sheetFormatPr defaultColWidth="8.44140625" defaultRowHeight="12"/>
  <cols>
    <col min="1" max="1" width="3.6640625" style="772" customWidth="1"/>
    <col min="2" max="2" width="3.44140625" style="772" customWidth="1"/>
    <col min="3" max="3" width="20.77734375" style="772" customWidth="1"/>
    <col min="4" max="4" width="18.77734375" style="772" customWidth="1"/>
    <col min="5" max="5" width="20.77734375" style="772" customWidth="1"/>
    <col min="6" max="8" width="10.77734375" style="772" customWidth="1"/>
    <col min="9" max="11" width="4.21875" style="772" customWidth="1"/>
    <col min="12" max="12" width="4.5546875" style="772" customWidth="1"/>
    <col min="13" max="13" width="4" style="772" customWidth="1"/>
    <col min="14" max="15" width="4" style="818" customWidth="1"/>
    <col min="16" max="17" width="6.5546875" style="772" customWidth="1"/>
    <col min="18" max="18" width="3.6640625" style="772" customWidth="1"/>
    <col min="19" max="16384" width="8.44140625" style="772"/>
  </cols>
  <sheetData>
    <row r="1" spans="1:17" customFormat="1" ht="20.25" customHeight="1">
      <c r="A1" s="1262" t="s">
        <v>1103</v>
      </c>
      <c r="B1" s="1262"/>
      <c r="C1" s="1262"/>
    </row>
    <row r="2" spans="1:17" customFormat="1" ht="15" customHeight="1">
      <c r="A2" t="s">
        <v>1104</v>
      </c>
    </row>
    <row r="3" spans="1:17" ht="19.5" customHeight="1" thickBot="1">
      <c r="B3" s="773"/>
      <c r="C3" s="774" t="s">
        <v>1051</v>
      </c>
      <c r="E3" s="775"/>
      <c r="F3" s="775"/>
      <c r="G3" s="775"/>
      <c r="H3" s="775"/>
      <c r="I3" s="776"/>
      <c r="J3" s="776"/>
      <c r="K3" s="776"/>
      <c r="L3" s="776"/>
      <c r="M3" s="776"/>
      <c r="N3" s="777"/>
      <c r="O3" s="777"/>
      <c r="P3" s="776"/>
      <c r="Q3" s="778" t="str">
        <f>CONCATENATE('[1]１施設'!$J$4,'[1]１施設'!$J$5,)</f>
        <v/>
      </c>
    </row>
    <row r="4" spans="1:17" ht="18.75" customHeight="1">
      <c r="B4" s="1269"/>
      <c r="C4" s="1272" t="s">
        <v>1052</v>
      </c>
      <c r="D4" s="1275" t="s">
        <v>1053</v>
      </c>
      <c r="E4" s="821" t="s">
        <v>1054</v>
      </c>
      <c r="F4" s="1272" t="s">
        <v>1074</v>
      </c>
      <c r="G4" s="1275" t="s">
        <v>1055</v>
      </c>
      <c r="H4" s="1272" t="s">
        <v>1056</v>
      </c>
      <c r="I4" s="1263" t="s">
        <v>1057</v>
      </c>
      <c r="J4" s="1264"/>
      <c r="K4" s="1264"/>
      <c r="L4" s="1264"/>
      <c r="M4" s="1264"/>
      <c r="N4" s="1264"/>
      <c r="O4" s="1264"/>
      <c r="P4" s="1264"/>
      <c r="Q4" s="1265"/>
    </row>
    <row r="5" spans="1:17" ht="27.75" customHeight="1">
      <c r="B5" s="1270"/>
      <c r="C5" s="1273"/>
      <c r="D5" s="1273"/>
      <c r="E5" s="1266" t="s">
        <v>1072</v>
      </c>
      <c r="F5" s="1273"/>
      <c r="G5" s="1273"/>
      <c r="H5" s="1273"/>
      <c r="I5" s="1290" t="s">
        <v>1058</v>
      </c>
      <c r="J5" s="1282" t="s">
        <v>1059</v>
      </c>
      <c r="K5" s="1281" t="s">
        <v>1060</v>
      </c>
      <c r="L5" s="1282" t="s">
        <v>1061</v>
      </c>
      <c r="M5" s="1281" t="s">
        <v>1062</v>
      </c>
      <c r="N5" s="1281" t="s">
        <v>1063</v>
      </c>
      <c r="O5" s="1281" t="s">
        <v>1064</v>
      </c>
      <c r="P5" s="1284" t="s">
        <v>1065</v>
      </c>
      <c r="Q5" s="1285"/>
    </row>
    <row r="6" spans="1:17" ht="20.25" customHeight="1">
      <c r="B6" s="1270"/>
      <c r="C6" s="1273"/>
      <c r="D6" s="1273"/>
      <c r="E6" s="1267"/>
      <c r="F6" s="1273"/>
      <c r="G6" s="1273"/>
      <c r="H6" s="1273"/>
      <c r="I6" s="1290"/>
      <c r="J6" s="1282"/>
      <c r="K6" s="1282"/>
      <c r="L6" s="1282"/>
      <c r="M6" s="1282"/>
      <c r="N6" s="1282"/>
      <c r="O6" s="1282"/>
      <c r="P6" s="1284"/>
      <c r="Q6" s="1285"/>
    </row>
    <row r="7" spans="1:17" ht="20.25" customHeight="1" thickBot="1">
      <c r="B7" s="1271"/>
      <c r="C7" s="1274"/>
      <c r="D7" s="1274"/>
      <c r="E7" s="1268"/>
      <c r="F7" s="1274"/>
      <c r="G7" s="1274"/>
      <c r="H7" s="1274"/>
      <c r="I7" s="1291"/>
      <c r="J7" s="1283"/>
      <c r="K7" s="1283"/>
      <c r="L7" s="1283"/>
      <c r="M7" s="1283"/>
      <c r="N7" s="1283"/>
      <c r="O7" s="1283"/>
      <c r="P7" s="1286"/>
      <c r="Q7" s="1287"/>
    </row>
    <row r="8" spans="1:17" ht="21.45" customHeight="1">
      <c r="B8" s="779">
        <v>1</v>
      </c>
      <c r="C8" s="780" t="s">
        <v>1073</v>
      </c>
      <c r="D8" s="781"/>
      <c r="E8" s="781"/>
      <c r="F8" s="781"/>
      <c r="G8" s="783"/>
      <c r="H8" s="782"/>
      <c r="I8" s="784"/>
      <c r="J8" s="785"/>
      <c r="K8" s="785"/>
      <c r="L8" s="785"/>
      <c r="M8" s="785"/>
      <c r="N8" s="786"/>
      <c r="O8" s="786"/>
      <c r="P8" s="1288"/>
      <c r="Q8" s="1289"/>
    </row>
    <row r="9" spans="1:17" ht="21.45" customHeight="1">
      <c r="B9" s="787">
        <v>2</v>
      </c>
      <c r="C9" s="788"/>
      <c r="D9" s="789"/>
      <c r="E9" s="789"/>
      <c r="F9" s="789"/>
      <c r="G9" s="791"/>
      <c r="H9" s="790"/>
      <c r="I9" s="792"/>
      <c r="J9" s="793"/>
      <c r="K9" s="793"/>
      <c r="L9" s="793"/>
      <c r="M9" s="793"/>
      <c r="N9" s="794"/>
      <c r="O9" s="794"/>
      <c r="P9" s="1277"/>
      <c r="Q9" s="1278"/>
    </row>
    <row r="10" spans="1:17" ht="21.45" customHeight="1">
      <c r="B10" s="787">
        <v>3</v>
      </c>
      <c r="C10" s="788"/>
      <c r="D10" s="789"/>
      <c r="E10" s="789"/>
      <c r="F10" s="789"/>
      <c r="G10" s="791"/>
      <c r="H10" s="790"/>
      <c r="I10" s="792"/>
      <c r="J10" s="793"/>
      <c r="K10" s="793"/>
      <c r="L10" s="793"/>
      <c r="M10" s="793"/>
      <c r="N10" s="794"/>
      <c r="O10" s="794"/>
      <c r="P10" s="1277"/>
      <c r="Q10" s="1278"/>
    </row>
    <row r="11" spans="1:17" ht="21.45" customHeight="1">
      <c r="B11" s="787">
        <v>4</v>
      </c>
      <c r="C11" s="788"/>
      <c r="D11" s="789"/>
      <c r="E11" s="789"/>
      <c r="F11" s="789"/>
      <c r="G11" s="795"/>
      <c r="H11" s="800"/>
      <c r="I11" s="792"/>
      <c r="J11" s="793"/>
      <c r="K11" s="793"/>
      <c r="L11" s="793"/>
      <c r="M11" s="793"/>
      <c r="N11" s="794"/>
      <c r="O11" s="794"/>
      <c r="P11" s="1277"/>
      <c r="Q11" s="1278"/>
    </row>
    <row r="12" spans="1:17" ht="21.45" customHeight="1">
      <c r="A12" s="1276"/>
      <c r="B12" s="787">
        <v>5</v>
      </c>
      <c r="C12" s="788"/>
      <c r="D12" s="789"/>
      <c r="E12" s="789"/>
      <c r="F12" s="789"/>
      <c r="G12" s="791"/>
      <c r="H12" s="790"/>
      <c r="I12" s="796"/>
      <c r="J12" s="793"/>
      <c r="K12" s="793"/>
      <c r="L12" s="793"/>
      <c r="M12" s="793"/>
      <c r="N12" s="794"/>
      <c r="O12" s="794"/>
      <c r="P12" s="1277"/>
      <c r="Q12" s="1278"/>
    </row>
    <row r="13" spans="1:17" ht="21.45" customHeight="1">
      <c r="A13" s="1276"/>
      <c r="B13" s="797">
        <v>6</v>
      </c>
      <c r="C13" s="798"/>
      <c r="D13" s="799"/>
      <c r="E13" s="799"/>
      <c r="F13" s="799"/>
      <c r="G13" s="795"/>
      <c r="H13" s="800"/>
      <c r="I13" s="801"/>
      <c r="J13" s="793"/>
      <c r="K13" s="793"/>
      <c r="L13" s="802"/>
      <c r="M13" s="802"/>
      <c r="N13" s="803"/>
      <c r="O13" s="803"/>
      <c r="P13" s="1279"/>
      <c r="Q13" s="1280"/>
    </row>
    <row r="14" spans="1:17" ht="21.45" customHeight="1">
      <c r="A14" s="804"/>
      <c r="B14" s="797">
        <v>7</v>
      </c>
      <c r="C14" s="788"/>
      <c r="D14" s="799"/>
      <c r="E14" s="799"/>
      <c r="F14" s="799"/>
      <c r="G14" s="795"/>
      <c r="H14" s="800"/>
      <c r="I14" s="801"/>
      <c r="J14" s="793"/>
      <c r="K14" s="793"/>
      <c r="L14" s="802"/>
      <c r="M14" s="802"/>
      <c r="N14" s="803"/>
      <c r="O14" s="803"/>
      <c r="P14" s="1292"/>
      <c r="Q14" s="1293"/>
    </row>
    <row r="15" spans="1:17" ht="21.45" customHeight="1">
      <c r="A15" s="804"/>
      <c r="B15" s="797">
        <v>8</v>
      </c>
      <c r="C15" s="788"/>
      <c r="D15" s="799"/>
      <c r="E15" s="799"/>
      <c r="F15" s="799"/>
      <c r="G15" s="795"/>
      <c r="H15" s="800"/>
      <c r="I15" s="801"/>
      <c r="J15" s="793"/>
      <c r="K15" s="793"/>
      <c r="L15" s="802"/>
      <c r="M15" s="802"/>
      <c r="N15" s="803"/>
      <c r="O15" s="803"/>
      <c r="P15" s="1292"/>
      <c r="Q15" s="1293"/>
    </row>
    <row r="16" spans="1:17" ht="21.45" customHeight="1">
      <c r="A16" s="804"/>
      <c r="B16" s="797">
        <v>9</v>
      </c>
      <c r="C16" s="788"/>
      <c r="D16" s="799"/>
      <c r="E16" s="799"/>
      <c r="F16" s="799"/>
      <c r="G16" s="795"/>
      <c r="H16" s="800"/>
      <c r="I16" s="801"/>
      <c r="J16" s="793"/>
      <c r="K16" s="793"/>
      <c r="L16" s="802"/>
      <c r="M16" s="802"/>
      <c r="N16" s="803"/>
      <c r="O16" s="803"/>
      <c r="P16" s="1292"/>
      <c r="Q16" s="1293"/>
    </row>
    <row r="17" spans="1:17" ht="21.45" customHeight="1">
      <c r="A17" s="804"/>
      <c r="B17" s="787">
        <v>10</v>
      </c>
      <c r="C17" s="788"/>
      <c r="D17" s="789"/>
      <c r="E17" s="789"/>
      <c r="F17" s="789"/>
      <c r="G17" s="791"/>
      <c r="H17" s="790"/>
      <c r="I17" s="792"/>
      <c r="J17" s="793"/>
      <c r="K17" s="793"/>
      <c r="L17" s="793"/>
      <c r="M17" s="793"/>
      <c r="N17" s="794"/>
      <c r="O17" s="794"/>
      <c r="P17" s="1292"/>
      <c r="Q17" s="1293"/>
    </row>
    <row r="18" spans="1:17" ht="21.45" customHeight="1">
      <c r="A18" s="804"/>
      <c r="B18" s="797">
        <v>11</v>
      </c>
      <c r="C18" s="798"/>
      <c r="D18" s="799"/>
      <c r="E18" s="799"/>
      <c r="F18" s="799"/>
      <c r="G18" s="795"/>
      <c r="H18" s="800"/>
      <c r="I18" s="801"/>
      <c r="J18" s="793"/>
      <c r="K18" s="793"/>
      <c r="L18" s="802"/>
      <c r="M18" s="802"/>
      <c r="N18" s="803"/>
      <c r="O18" s="803"/>
      <c r="P18" s="1294"/>
      <c r="Q18" s="1295"/>
    </row>
    <row r="19" spans="1:17" ht="21.45" customHeight="1">
      <c r="B19" s="787">
        <v>12</v>
      </c>
      <c r="C19" s="788"/>
      <c r="D19" s="789"/>
      <c r="E19" s="789"/>
      <c r="F19" s="789"/>
      <c r="G19" s="791"/>
      <c r="H19" s="790"/>
      <c r="I19" s="792"/>
      <c r="J19" s="793"/>
      <c r="K19" s="793"/>
      <c r="L19" s="793"/>
      <c r="M19" s="793"/>
      <c r="N19" s="794"/>
      <c r="O19" s="794"/>
      <c r="P19" s="1277"/>
      <c r="Q19" s="1278"/>
    </row>
    <row r="20" spans="1:17" ht="21.45" customHeight="1">
      <c r="B20" s="787">
        <v>13</v>
      </c>
      <c r="C20" s="788"/>
      <c r="D20" s="789"/>
      <c r="E20" s="789"/>
      <c r="F20" s="789"/>
      <c r="G20" s="791"/>
      <c r="H20" s="790"/>
      <c r="I20" s="792"/>
      <c r="J20" s="793"/>
      <c r="K20" s="793"/>
      <c r="L20" s="793"/>
      <c r="M20" s="793"/>
      <c r="N20" s="794"/>
      <c r="O20" s="794"/>
      <c r="P20" s="1277"/>
      <c r="Q20" s="1278"/>
    </row>
    <row r="21" spans="1:17" ht="21.45" customHeight="1">
      <c r="B21" s="797">
        <v>14</v>
      </c>
      <c r="C21" s="788"/>
      <c r="D21" s="789"/>
      <c r="E21" s="789"/>
      <c r="F21" s="789"/>
      <c r="G21" s="791"/>
      <c r="H21" s="790"/>
      <c r="I21" s="792"/>
      <c r="J21" s="793"/>
      <c r="K21" s="793"/>
      <c r="L21" s="793"/>
      <c r="M21" s="793"/>
      <c r="N21" s="794"/>
      <c r="O21" s="794"/>
      <c r="P21" s="1277"/>
      <c r="Q21" s="1278"/>
    </row>
    <row r="22" spans="1:17" ht="21.45" customHeight="1">
      <c r="B22" s="787">
        <v>15</v>
      </c>
      <c r="C22" s="788"/>
      <c r="D22" s="789"/>
      <c r="E22" s="789"/>
      <c r="F22" s="789"/>
      <c r="G22" s="791"/>
      <c r="H22" s="790"/>
      <c r="I22" s="792"/>
      <c r="J22" s="793"/>
      <c r="K22" s="793"/>
      <c r="L22" s="793"/>
      <c r="M22" s="793"/>
      <c r="N22" s="794"/>
      <c r="O22" s="794"/>
      <c r="P22" s="1277"/>
      <c r="Q22" s="1278"/>
    </row>
    <row r="23" spans="1:17" ht="21.45" customHeight="1">
      <c r="B23" s="797">
        <v>16</v>
      </c>
      <c r="C23" s="798"/>
      <c r="D23" s="799"/>
      <c r="E23" s="799"/>
      <c r="F23" s="799"/>
      <c r="G23" s="795"/>
      <c r="H23" s="800"/>
      <c r="I23" s="801"/>
      <c r="J23" s="793"/>
      <c r="K23" s="793"/>
      <c r="L23" s="802"/>
      <c r="M23" s="802"/>
      <c r="N23" s="803"/>
      <c r="O23" s="803"/>
      <c r="P23" s="1279"/>
      <c r="Q23" s="1280"/>
    </row>
    <row r="24" spans="1:17" ht="21.45" customHeight="1">
      <c r="B24" s="797">
        <v>17</v>
      </c>
      <c r="C24" s="788"/>
      <c r="D24" s="789"/>
      <c r="E24" s="789"/>
      <c r="F24" s="789"/>
      <c r="G24" s="791"/>
      <c r="H24" s="790"/>
      <c r="I24" s="792"/>
      <c r="J24" s="793"/>
      <c r="K24" s="793"/>
      <c r="L24" s="793"/>
      <c r="M24" s="793"/>
      <c r="N24" s="794"/>
      <c r="O24" s="794"/>
      <c r="P24" s="1277"/>
      <c r="Q24" s="1278"/>
    </row>
    <row r="25" spans="1:17" ht="21.45" customHeight="1">
      <c r="B25" s="787">
        <v>18</v>
      </c>
      <c r="C25" s="788"/>
      <c r="D25" s="789"/>
      <c r="E25" s="789"/>
      <c r="F25" s="789"/>
      <c r="G25" s="791"/>
      <c r="H25" s="790"/>
      <c r="I25" s="792"/>
      <c r="J25" s="793"/>
      <c r="K25" s="793"/>
      <c r="L25" s="793"/>
      <c r="M25" s="793"/>
      <c r="N25" s="794"/>
      <c r="O25" s="794"/>
      <c r="P25" s="1277"/>
      <c r="Q25" s="1278"/>
    </row>
    <row r="26" spans="1:17" ht="21.45" customHeight="1">
      <c r="B26" s="787">
        <v>19</v>
      </c>
      <c r="C26" s="788"/>
      <c r="D26" s="789"/>
      <c r="E26" s="789"/>
      <c r="F26" s="789"/>
      <c r="G26" s="791"/>
      <c r="H26" s="790"/>
      <c r="I26" s="792"/>
      <c r="J26" s="793"/>
      <c r="K26" s="793"/>
      <c r="L26" s="793"/>
      <c r="M26" s="793"/>
      <c r="N26" s="794"/>
      <c r="O26" s="794"/>
      <c r="P26" s="1277"/>
      <c r="Q26" s="1278"/>
    </row>
    <row r="27" spans="1:17" ht="21.45" customHeight="1">
      <c r="B27" s="787">
        <v>20</v>
      </c>
      <c r="C27" s="788"/>
      <c r="D27" s="789"/>
      <c r="E27" s="789"/>
      <c r="F27" s="789"/>
      <c r="G27" s="791"/>
      <c r="H27" s="790"/>
      <c r="I27" s="792"/>
      <c r="J27" s="793"/>
      <c r="K27" s="793"/>
      <c r="L27" s="793"/>
      <c r="M27" s="793"/>
      <c r="N27" s="794"/>
      <c r="O27" s="794"/>
      <c r="P27" s="1277"/>
      <c r="Q27" s="1278"/>
    </row>
    <row r="28" spans="1:17" ht="21.45" customHeight="1">
      <c r="B28" s="797">
        <v>21</v>
      </c>
      <c r="C28" s="798"/>
      <c r="D28" s="799"/>
      <c r="E28" s="799"/>
      <c r="F28" s="799"/>
      <c r="G28" s="795"/>
      <c r="H28" s="800"/>
      <c r="I28" s="801"/>
      <c r="J28" s="793"/>
      <c r="K28" s="793"/>
      <c r="L28" s="802"/>
      <c r="M28" s="802"/>
      <c r="N28" s="803"/>
      <c r="O28" s="803"/>
      <c r="P28" s="1279"/>
      <c r="Q28" s="1280"/>
    </row>
    <row r="29" spans="1:17" ht="21.45" customHeight="1">
      <c r="B29" s="797">
        <v>22</v>
      </c>
      <c r="C29" s="788"/>
      <c r="D29" s="789"/>
      <c r="E29" s="789"/>
      <c r="F29" s="789"/>
      <c r="G29" s="791"/>
      <c r="H29" s="790"/>
      <c r="I29" s="792"/>
      <c r="J29" s="793"/>
      <c r="K29" s="793"/>
      <c r="L29" s="793"/>
      <c r="M29" s="793"/>
      <c r="N29" s="794"/>
      <c r="O29" s="794"/>
      <c r="P29" s="1277"/>
      <c r="Q29" s="1278"/>
    </row>
    <row r="30" spans="1:17" ht="21.45" customHeight="1">
      <c r="B30" s="787">
        <v>23</v>
      </c>
      <c r="C30" s="788"/>
      <c r="D30" s="789"/>
      <c r="E30" s="789"/>
      <c r="F30" s="789"/>
      <c r="G30" s="791"/>
      <c r="H30" s="790"/>
      <c r="I30" s="792"/>
      <c r="J30" s="793"/>
      <c r="K30" s="793"/>
      <c r="L30" s="793"/>
      <c r="M30" s="793"/>
      <c r="N30" s="794"/>
      <c r="O30" s="794"/>
      <c r="P30" s="1277"/>
      <c r="Q30" s="1278"/>
    </row>
    <row r="31" spans="1:17" ht="21.45" customHeight="1">
      <c r="B31" s="787">
        <v>24</v>
      </c>
      <c r="C31" s="788"/>
      <c r="D31" s="789"/>
      <c r="E31" s="789"/>
      <c r="F31" s="789"/>
      <c r="G31" s="791"/>
      <c r="H31" s="790"/>
      <c r="I31" s="792"/>
      <c r="J31" s="793"/>
      <c r="K31" s="793"/>
      <c r="L31" s="793"/>
      <c r="M31" s="793"/>
      <c r="N31" s="794"/>
      <c r="O31" s="794"/>
      <c r="P31" s="1277"/>
      <c r="Q31" s="1278"/>
    </row>
    <row r="32" spans="1:17" ht="21.45" customHeight="1">
      <c r="B32" s="787">
        <v>25</v>
      </c>
      <c r="C32" s="788"/>
      <c r="D32" s="789"/>
      <c r="E32" s="789"/>
      <c r="F32" s="789"/>
      <c r="G32" s="791"/>
      <c r="H32" s="790"/>
      <c r="I32" s="792"/>
      <c r="J32" s="793"/>
      <c r="K32" s="793"/>
      <c r="L32" s="793"/>
      <c r="M32" s="793"/>
      <c r="N32" s="794"/>
      <c r="O32" s="794"/>
      <c r="P32" s="1277"/>
      <c r="Q32" s="1278"/>
    </row>
    <row r="33" spans="1:17" ht="21.45" customHeight="1">
      <c r="B33" s="787">
        <v>26</v>
      </c>
      <c r="C33" s="788"/>
      <c r="D33" s="789"/>
      <c r="E33" s="789"/>
      <c r="F33" s="789"/>
      <c r="G33" s="791"/>
      <c r="H33" s="790"/>
      <c r="I33" s="792"/>
      <c r="J33" s="793"/>
      <c r="K33" s="793"/>
      <c r="L33" s="793"/>
      <c r="M33" s="793"/>
      <c r="N33" s="794"/>
      <c r="O33" s="794"/>
      <c r="P33" s="1277"/>
      <c r="Q33" s="1278"/>
    </row>
    <row r="34" spans="1:17" ht="21.45" customHeight="1">
      <c r="B34" s="787">
        <v>27</v>
      </c>
      <c r="C34" s="788"/>
      <c r="D34" s="789"/>
      <c r="E34" s="789"/>
      <c r="F34" s="789"/>
      <c r="G34" s="791"/>
      <c r="H34" s="790"/>
      <c r="I34" s="792"/>
      <c r="J34" s="793"/>
      <c r="K34" s="793"/>
      <c r="L34" s="793"/>
      <c r="M34" s="793"/>
      <c r="N34" s="794"/>
      <c r="O34" s="794"/>
      <c r="P34" s="1277"/>
      <c r="Q34" s="1278"/>
    </row>
    <row r="35" spans="1:17" ht="21.45" customHeight="1">
      <c r="B35" s="787">
        <v>28</v>
      </c>
      <c r="C35" s="788"/>
      <c r="D35" s="789"/>
      <c r="E35" s="789"/>
      <c r="F35" s="789"/>
      <c r="G35" s="791"/>
      <c r="H35" s="790"/>
      <c r="I35" s="792"/>
      <c r="J35" s="793"/>
      <c r="K35" s="793"/>
      <c r="L35" s="793"/>
      <c r="M35" s="793"/>
      <c r="N35" s="794"/>
      <c r="O35" s="794"/>
      <c r="P35" s="1277"/>
      <c r="Q35" s="1278"/>
    </row>
    <row r="36" spans="1:17" ht="21.45" customHeight="1">
      <c r="B36" s="787">
        <v>29</v>
      </c>
      <c r="C36" s="788"/>
      <c r="D36" s="789"/>
      <c r="E36" s="789"/>
      <c r="F36" s="789"/>
      <c r="G36" s="791"/>
      <c r="H36" s="790"/>
      <c r="I36" s="792"/>
      <c r="J36" s="793"/>
      <c r="K36" s="793"/>
      <c r="L36" s="793"/>
      <c r="M36" s="793"/>
      <c r="N36" s="794"/>
      <c r="O36" s="794"/>
      <c r="P36" s="1277"/>
      <c r="Q36" s="1278"/>
    </row>
    <row r="37" spans="1:17" ht="21.45" customHeight="1">
      <c r="B37" s="787">
        <v>30</v>
      </c>
      <c r="C37" s="788"/>
      <c r="D37" s="789"/>
      <c r="E37" s="789"/>
      <c r="F37" s="789"/>
      <c r="G37" s="791"/>
      <c r="H37" s="790"/>
      <c r="I37" s="792"/>
      <c r="J37" s="793"/>
      <c r="K37" s="793"/>
      <c r="L37" s="793"/>
      <c r="M37" s="793"/>
      <c r="N37" s="794"/>
      <c r="O37" s="794"/>
      <c r="P37" s="1277"/>
      <c r="Q37" s="1278"/>
    </row>
    <row r="38" spans="1:17" ht="21.45" customHeight="1">
      <c r="B38" s="787">
        <v>31</v>
      </c>
      <c r="C38" s="788"/>
      <c r="D38" s="789"/>
      <c r="E38" s="789"/>
      <c r="F38" s="789"/>
      <c r="G38" s="791"/>
      <c r="H38" s="790"/>
      <c r="I38" s="792"/>
      <c r="J38" s="793"/>
      <c r="K38" s="793"/>
      <c r="L38" s="793"/>
      <c r="M38" s="793"/>
      <c r="N38" s="794"/>
      <c r="O38" s="794"/>
      <c r="P38" s="1277"/>
      <c r="Q38" s="1278"/>
    </row>
    <row r="39" spans="1:17" ht="21.45" customHeight="1">
      <c r="B39" s="787">
        <v>32</v>
      </c>
      <c r="C39" s="788"/>
      <c r="D39" s="789"/>
      <c r="E39" s="789"/>
      <c r="F39" s="789"/>
      <c r="G39" s="791"/>
      <c r="H39" s="790"/>
      <c r="I39" s="792"/>
      <c r="J39" s="793"/>
      <c r="K39" s="793"/>
      <c r="L39" s="793"/>
      <c r="M39" s="793"/>
      <c r="N39" s="794"/>
      <c r="O39" s="794"/>
      <c r="P39" s="1277"/>
      <c r="Q39" s="1278"/>
    </row>
    <row r="40" spans="1:17" ht="21.45" customHeight="1">
      <c r="B40" s="787">
        <v>33</v>
      </c>
      <c r="C40" s="788"/>
      <c r="D40" s="789"/>
      <c r="E40" s="789"/>
      <c r="F40" s="789"/>
      <c r="G40" s="791"/>
      <c r="H40" s="790"/>
      <c r="I40" s="792"/>
      <c r="J40" s="793"/>
      <c r="K40" s="793"/>
      <c r="L40" s="793"/>
      <c r="M40" s="793"/>
      <c r="N40" s="794"/>
      <c r="O40" s="794"/>
      <c r="P40" s="1277"/>
      <c r="Q40" s="1278"/>
    </row>
    <row r="41" spans="1:17" ht="21.45" customHeight="1">
      <c r="B41" s="787">
        <v>34</v>
      </c>
      <c r="C41" s="788"/>
      <c r="D41" s="789"/>
      <c r="E41" s="789"/>
      <c r="F41" s="789"/>
      <c r="G41" s="791"/>
      <c r="H41" s="790"/>
      <c r="I41" s="792"/>
      <c r="J41" s="793"/>
      <c r="K41" s="793"/>
      <c r="L41" s="793"/>
      <c r="M41" s="793"/>
      <c r="N41" s="794"/>
      <c r="O41" s="794"/>
      <c r="P41" s="1277"/>
      <c r="Q41" s="1278"/>
    </row>
    <row r="42" spans="1:17" ht="21.45" customHeight="1" thickBot="1">
      <c r="B42" s="805">
        <v>35</v>
      </c>
      <c r="C42" s="806"/>
      <c r="D42" s="807"/>
      <c r="E42" s="807"/>
      <c r="F42" s="807"/>
      <c r="G42" s="809"/>
      <c r="H42" s="808"/>
      <c r="I42" s="810"/>
      <c r="J42" s="811"/>
      <c r="K42" s="811"/>
      <c r="L42" s="811"/>
      <c r="M42" s="811"/>
      <c r="N42" s="812"/>
      <c r="O42" s="812"/>
      <c r="P42" s="1296"/>
      <c r="Q42" s="1297"/>
    </row>
    <row r="43" spans="1:17" ht="7.5" customHeight="1">
      <c r="A43" s="775"/>
      <c r="B43" s="775"/>
      <c r="C43" s="813"/>
      <c r="D43" s="775"/>
      <c r="E43" s="775"/>
      <c r="F43" s="775"/>
      <c r="G43" s="775"/>
      <c r="H43" s="775"/>
      <c r="I43" s="775"/>
      <c r="J43" s="775"/>
      <c r="K43" s="775"/>
      <c r="L43" s="775"/>
      <c r="M43" s="775"/>
      <c r="N43" s="814"/>
      <c r="O43" s="814"/>
      <c r="P43" s="775"/>
      <c r="Q43" s="775"/>
    </row>
    <row r="44" spans="1:17" ht="16.05" customHeight="1">
      <c r="A44" s="775"/>
      <c r="B44" s="775" t="s">
        <v>1066</v>
      </c>
      <c r="C44" s="813"/>
      <c r="D44" s="775"/>
      <c r="E44" s="775"/>
      <c r="F44" s="775"/>
      <c r="G44" s="775"/>
      <c r="H44" s="775"/>
      <c r="I44" s="775"/>
      <c r="J44" s="775"/>
      <c r="K44" s="775"/>
      <c r="L44" s="775"/>
      <c r="M44" s="775"/>
      <c r="N44" s="814"/>
      <c r="O44" s="814"/>
      <c r="P44" s="775"/>
      <c r="Q44" s="775"/>
    </row>
    <row r="45" spans="1:17" s="817" customFormat="1" ht="16.05" customHeight="1">
      <c r="A45" s="815"/>
      <c r="B45" s="815">
        <v>1</v>
      </c>
      <c r="C45" s="815" t="s">
        <v>1067</v>
      </c>
      <c r="D45" s="815"/>
      <c r="E45" s="815"/>
      <c r="F45" s="815"/>
      <c r="G45" s="815"/>
      <c r="H45" s="815"/>
      <c r="I45" s="815"/>
      <c r="J45" s="815"/>
      <c r="K45" s="815"/>
      <c r="L45" s="815"/>
      <c r="M45" s="815"/>
      <c r="N45" s="816"/>
      <c r="O45" s="816"/>
      <c r="P45" s="815"/>
      <c r="Q45" s="815"/>
    </row>
    <row r="46" spans="1:17" ht="16.05" customHeight="1">
      <c r="A46" s="775"/>
      <c r="B46" s="775">
        <v>2</v>
      </c>
      <c r="C46" s="775" t="s">
        <v>1075</v>
      </c>
      <c r="D46" s="775"/>
      <c r="E46" s="775"/>
      <c r="F46" s="775"/>
      <c r="G46" s="775"/>
      <c r="H46" s="775"/>
      <c r="I46" s="775"/>
      <c r="J46" s="775"/>
      <c r="K46" s="775"/>
      <c r="L46" s="775"/>
      <c r="M46" s="775"/>
      <c r="N46" s="814"/>
      <c r="O46" s="814"/>
      <c r="P46" s="775"/>
      <c r="Q46" s="775"/>
    </row>
    <row r="47" spans="1:17" s="817" customFormat="1" ht="16.05" customHeight="1">
      <c r="A47" s="815"/>
      <c r="B47" s="815">
        <v>3</v>
      </c>
      <c r="C47" s="815" t="s">
        <v>1076</v>
      </c>
      <c r="D47" s="815"/>
      <c r="E47" s="815"/>
      <c r="F47" s="815"/>
      <c r="G47" s="815"/>
      <c r="H47" s="815"/>
      <c r="I47" s="815"/>
      <c r="J47" s="815"/>
      <c r="K47" s="815"/>
      <c r="L47" s="815"/>
      <c r="M47" s="815"/>
      <c r="N47" s="816"/>
      <c r="O47" s="816"/>
      <c r="P47" s="815"/>
      <c r="Q47" s="815"/>
    </row>
    <row r="48" spans="1:17" ht="16.05" customHeight="1">
      <c r="A48" s="775"/>
      <c r="B48" s="775">
        <v>4</v>
      </c>
      <c r="C48" s="775" t="s">
        <v>1068</v>
      </c>
      <c r="D48" s="775"/>
      <c r="E48" s="775"/>
      <c r="F48" s="775"/>
      <c r="G48" s="775"/>
      <c r="H48" s="775"/>
      <c r="I48" s="775"/>
      <c r="J48" s="775"/>
      <c r="K48" s="775"/>
      <c r="L48" s="775"/>
      <c r="M48" s="775"/>
      <c r="N48" s="814"/>
      <c r="O48" s="814"/>
      <c r="P48" s="775"/>
      <c r="Q48" s="775"/>
    </row>
    <row r="49" spans="1:17">
      <c r="B49" s="772">
        <v>5</v>
      </c>
      <c r="C49" s="775" t="s">
        <v>1069</v>
      </c>
    </row>
    <row r="50" spans="1:17" ht="16.05" customHeight="1">
      <c r="A50" s="775"/>
      <c r="B50" s="775">
        <v>6</v>
      </c>
      <c r="C50" s="775" t="s">
        <v>1070</v>
      </c>
      <c r="D50" s="820"/>
      <c r="E50" s="775"/>
      <c r="F50" s="775"/>
      <c r="G50" s="775"/>
      <c r="H50" s="775"/>
      <c r="I50" s="775"/>
      <c r="J50" s="775"/>
      <c r="K50" s="775"/>
      <c r="L50" s="775"/>
      <c r="M50" s="775"/>
      <c r="N50" s="814"/>
      <c r="O50" s="814"/>
      <c r="P50" s="775"/>
      <c r="Q50" s="775"/>
    </row>
    <row r="51" spans="1:17" ht="16.05" customHeight="1">
      <c r="B51" s="775">
        <v>7</v>
      </c>
      <c r="C51" s="819" t="s">
        <v>1071</v>
      </c>
    </row>
    <row r="52" spans="1:17" ht="16.05" customHeight="1">
      <c r="B52" s="775"/>
    </row>
    <row r="53" spans="1:17" ht="19.5" customHeight="1"/>
    <row r="54" spans="1:17" ht="19.5" customHeight="1"/>
    <row r="55" spans="1:17" ht="19.5" customHeight="1"/>
    <row r="56" spans="1:17" ht="19.5" customHeight="1"/>
    <row r="57" spans="1:17" ht="19.5" customHeight="1"/>
    <row r="58" spans="1:17" ht="19.5" customHeight="1"/>
    <row r="59" spans="1:17" ht="19.5" customHeight="1"/>
    <row r="60" spans="1:17" ht="19.5" customHeight="1"/>
    <row r="61" spans="1:17" ht="19.5" customHeight="1"/>
    <row r="62" spans="1:17" ht="19.5" customHeight="1"/>
  </sheetData>
  <mergeCells count="53">
    <mergeCell ref="P41:Q41"/>
    <mergeCell ref="P42:Q42"/>
    <mergeCell ref="F4:F7"/>
    <mergeCell ref="P38:Q38"/>
    <mergeCell ref="P39:Q39"/>
    <mergeCell ref="P40:Q40"/>
    <mergeCell ref="P35:Q35"/>
    <mergeCell ref="P36:Q36"/>
    <mergeCell ref="P37:Q37"/>
    <mergeCell ref="P32:Q32"/>
    <mergeCell ref="P33:Q33"/>
    <mergeCell ref="P34:Q34"/>
    <mergeCell ref="P29:Q29"/>
    <mergeCell ref="P30:Q30"/>
    <mergeCell ref="P31:Q31"/>
    <mergeCell ref="P26:Q26"/>
    <mergeCell ref="P27:Q27"/>
    <mergeCell ref="P28:Q28"/>
    <mergeCell ref="P23:Q23"/>
    <mergeCell ref="P24:Q24"/>
    <mergeCell ref="P25:Q25"/>
    <mergeCell ref="P20:Q20"/>
    <mergeCell ref="P21:Q21"/>
    <mergeCell ref="P22:Q22"/>
    <mergeCell ref="P17:Q17"/>
    <mergeCell ref="P18:Q18"/>
    <mergeCell ref="P19:Q19"/>
    <mergeCell ref="P14:Q14"/>
    <mergeCell ref="P15:Q15"/>
    <mergeCell ref="P16:Q16"/>
    <mergeCell ref="P10:Q10"/>
    <mergeCell ref="P11:Q11"/>
    <mergeCell ref="A12:A13"/>
    <mergeCell ref="P12:Q12"/>
    <mergeCell ref="P13:Q13"/>
    <mergeCell ref="O5:O7"/>
    <mergeCell ref="P5:Q7"/>
    <mergeCell ref="P8:Q8"/>
    <mergeCell ref="P9:Q9"/>
    <mergeCell ref="I5:I7"/>
    <mergeCell ref="J5:J7"/>
    <mergeCell ref="K5:K7"/>
    <mergeCell ref="L5:L7"/>
    <mergeCell ref="M5:M7"/>
    <mergeCell ref="N5:N7"/>
    <mergeCell ref="A1:C1"/>
    <mergeCell ref="I4:Q4"/>
    <mergeCell ref="E5:E7"/>
    <mergeCell ref="B4:B7"/>
    <mergeCell ref="C4:C7"/>
    <mergeCell ref="D4:D7"/>
    <mergeCell ref="G4:G7"/>
    <mergeCell ref="H4:H7"/>
  </mergeCells>
  <phoneticPr fontId="3"/>
  <dataValidations count="2">
    <dataValidation type="list" imeMode="on" allowBlank="1" showInputMessage="1" sqref="G8:G42" xr:uid="{61F1E3E3-1430-4336-8F1C-96F02C747ABF}">
      <formula1>"常勤,非常勤,派遣,"</formula1>
    </dataValidation>
    <dataValidation type="list" imeMode="on" allowBlank="1" showInputMessage="1" sqref="H8:H42" xr:uid="{BF079F5A-8D57-450C-AFCA-8F038E61062D}">
      <formula1>"○,"</formula1>
    </dataValidation>
  </dataValidations>
  <pageMargins left="0.43307086614173229" right="0" top="0.47244094488188981" bottom="0" header="0.11811023622047245" footer="0"/>
  <pageSetup paperSize="9" scale="98" fitToHeight="0" orientation="landscape" r:id="rId1"/>
  <headerFooter alignWithMargins="0"/>
  <rowBreaks count="1" manualBreakCount="1">
    <brk id="27" max="17" man="1"/>
  </rowBreaks>
  <colBreaks count="1" manualBreakCount="1">
    <brk id="20" max="1048575" man="1"/>
  </colBreaks>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dimension ref="A1:J56"/>
  <sheetViews>
    <sheetView view="pageBreakPreview" zoomScaleNormal="100" zoomScaleSheetLayoutView="100" workbookViewId="0">
      <selection activeCell="P56" sqref="P56"/>
    </sheetView>
  </sheetViews>
  <sheetFormatPr defaultColWidth="9" defaultRowHeight="13.2"/>
  <cols>
    <col min="1" max="1" width="3.77734375" style="640" customWidth="1"/>
    <col min="2" max="2" width="9" style="640"/>
    <col min="3" max="3" width="5.33203125" style="640" customWidth="1"/>
    <col min="4" max="4" width="11.21875" style="640" customWidth="1"/>
    <col min="5" max="5" width="11.88671875" style="640" customWidth="1"/>
    <col min="6" max="6" width="9" style="640"/>
    <col min="7" max="7" width="9.88671875" style="640" customWidth="1"/>
    <col min="8" max="9" width="9.21875" style="640" customWidth="1"/>
    <col min="10" max="10" width="5.88671875" style="640" customWidth="1"/>
    <col min="11" max="11" width="3.77734375" style="640" customWidth="1"/>
    <col min="12" max="16384" width="9" style="640"/>
  </cols>
  <sheetData>
    <row r="1" spans="1:10" ht="12" customHeight="1">
      <c r="A1" s="636" t="s">
        <v>1105</v>
      </c>
      <c r="B1" s="636"/>
      <c r="C1" s="636"/>
    </row>
    <row r="2" spans="1:10" s="636" customFormat="1">
      <c r="A2" s="636" t="s">
        <v>909</v>
      </c>
      <c r="G2" s="640"/>
      <c r="I2" s="640"/>
      <c r="J2" s="640"/>
    </row>
    <row r="3" spans="1:10" s="636" customFormat="1" ht="8.25" customHeight="1" thickBot="1">
      <c r="A3" s="640"/>
      <c r="B3" s="640"/>
      <c r="C3" s="640"/>
      <c r="D3" s="644"/>
      <c r="E3" s="644"/>
      <c r="F3" s="640"/>
      <c r="G3" s="644"/>
      <c r="H3" s="640"/>
      <c r="I3" s="640"/>
      <c r="J3" s="640"/>
    </row>
    <row r="4" spans="1:10" s="636" customFormat="1" ht="15" customHeight="1">
      <c r="A4" s="631"/>
      <c r="B4" s="201" t="s">
        <v>217</v>
      </c>
      <c r="C4" s="616"/>
      <c r="D4" s="44"/>
      <c r="E4" s="646"/>
      <c r="F4" s="1326"/>
      <c r="G4" s="1326"/>
      <c r="H4" s="1326"/>
      <c r="I4" s="646"/>
      <c r="J4" s="45"/>
    </row>
    <row r="5" spans="1:10" s="636" customFormat="1" ht="15" customHeight="1">
      <c r="A5" s="609"/>
      <c r="B5" s="630" t="s">
        <v>218</v>
      </c>
      <c r="C5" s="619"/>
      <c r="D5" s="618"/>
      <c r="E5" s="619"/>
      <c r="F5" s="1299"/>
      <c r="G5" s="1299"/>
      <c r="H5" s="1299"/>
      <c r="I5" s="619"/>
      <c r="J5" s="620"/>
    </row>
    <row r="6" spans="1:10" s="636" customFormat="1" ht="15" customHeight="1">
      <c r="A6" s="609"/>
      <c r="B6" s="630" t="s">
        <v>219</v>
      </c>
      <c r="C6" s="619"/>
      <c r="D6" s="641"/>
      <c r="E6" s="624"/>
      <c r="F6" s="1327"/>
      <c r="G6" s="1327"/>
      <c r="H6" s="1327"/>
      <c r="I6" s="624"/>
      <c r="J6" s="642"/>
    </row>
    <row r="7" spans="1:10" s="636" customFormat="1" ht="15" customHeight="1" thickBot="1">
      <c r="A7" s="623"/>
      <c r="B7" s="202" t="s">
        <v>220</v>
      </c>
      <c r="C7" s="638"/>
      <c r="D7" s="757"/>
      <c r="E7" s="638"/>
      <c r="F7" s="638"/>
      <c r="G7" s="638"/>
      <c r="H7" s="638"/>
      <c r="I7" s="638"/>
      <c r="J7" s="204"/>
    </row>
    <row r="8" spans="1:10" s="636" customFormat="1" ht="6" customHeight="1"/>
    <row r="9" spans="1:10" s="636" customFormat="1" ht="10.5" customHeight="1">
      <c r="A9" s="636" t="s">
        <v>1106</v>
      </c>
    </row>
    <row r="10" spans="1:10" s="636" customFormat="1" ht="12.6" thickBot="1">
      <c r="A10" s="636" t="s">
        <v>910</v>
      </c>
    </row>
    <row r="11" spans="1:10" s="636" customFormat="1" ht="16.5" customHeight="1">
      <c r="A11" s="758"/>
      <c r="B11" s="615" t="s">
        <v>221</v>
      </c>
      <c r="C11" s="616"/>
      <c r="D11" s="616"/>
      <c r="E11" s="616"/>
      <c r="F11" s="616"/>
      <c r="G11" s="616"/>
      <c r="H11" s="616" t="s">
        <v>911</v>
      </c>
      <c r="I11" s="616"/>
      <c r="J11" s="617"/>
    </row>
    <row r="12" spans="1:10" s="636" customFormat="1" ht="16.5" customHeight="1">
      <c r="A12" s="759"/>
      <c r="B12" s="618" t="s">
        <v>222</v>
      </c>
      <c r="C12" s="619"/>
      <c r="D12" s="619"/>
      <c r="E12" s="619"/>
      <c r="F12" s="619"/>
      <c r="G12" s="619"/>
      <c r="H12" s="619" t="s">
        <v>911</v>
      </c>
      <c r="I12" s="619"/>
      <c r="J12" s="620"/>
    </row>
    <row r="13" spans="1:10" s="636" customFormat="1" ht="16.5" customHeight="1">
      <c r="A13" s="759"/>
      <c r="B13" s="618" t="s">
        <v>223</v>
      </c>
      <c r="C13" s="619"/>
      <c r="D13" s="619"/>
      <c r="E13" s="619"/>
      <c r="F13" s="619"/>
      <c r="G13" s="619"/>
      <c r="H13" s="619" t="s">
        <v>911</v>
      </c>
      <c r="I13" s="619"/>
      <c r="J13" s="620"/>
    </row>
    <row r="14" spans="1:10" s="636" customFormat="1" ht="16.5" customHeight="1">
      <c r="A14" s="759"/>
      <c r="B14" s="618" t="s">
        <v>224</v>
      </c>
      <c r="C14" s="619"/>
      <c r="D14" s="619"/>
      <c r="E14" s="619"/>
      <c r="F14" s="619"/>
      <c r="G14" s="619"/>
      <c r="H14" s="619" t="s">
        <v>911</v>
      </c>
      <c r="I14" s="619"/>
      <c r="J14" s="620"/>
    </row>
    <row r="15" spans="1:10" s="636" customFormat="1" ht="16.5" customHeight="1">
      <c r="A15" s="759"/>
      <c r="B15" s="618" t="s">
        <v>225</v>
      </c>
      <c r="C15" s="619"/>
      <c r="D15" s="619"/>
      <c r="E15" s="619"/>
      <c r="F15" s="619"/>
      <c r="G15" s="619"/>
      <c r="H15" s="619" t="s">
        <v>911</v>
      </c>
      <c r="I15" s="619"/>
      <c r="J15" s="620"/>
    </row>
    <row r="16" spans="1:10" s="636" customFormat="1" ht="16.5" customHeight="1">
      <c r="A16" s="1328"/>
      <c r="B16" s="618" t="s">
        <v>226</v>
      </c>
      <c r="C16" s="619"/>
      <c r="D16" s="610"/>
      <c r="E16" s="643" t="s">
        <v>227</v>
      </c>
      <c r="F16" s="621"/>
      <c r="G16" s="205"/>
      <c r="H16" s="206" t="s">
        <v>228</v>
      </c>
      <c r="I16" s="625"/>
      <c r="J16" s="647"/>
    </row>
    <row r="17" spans="1:10" s="636" customFormat="1" ht="14.25" customHeight="1">
      <c r="A17" s="1329"/>
      <c r="B17" s="1331" t="s">
        <v>229</v>
      </c>
      <c r="C17" s="1332"/>
      <c r="D17" s="1333"/>
      <c r="E17" s="1337"/>
      <c r="F17" s="997"/>
      <c r="G17" s="1338"/>
      <c r="H17" s="1342"/>
      <c r="I17" s="997"/>
      <c r="J17" s="998"/>
    </row>
    <row r="18" spans="1:10" s="636" customFormat="1" ht="14.25" customHeight="1" thickBot="1">
      <c r="A18" s="1330"/>
      <c r="B18" s="1334"/>
      <c r="C18" s="1335"/>
      <c r="D18" s="1336"/>
      <c r="E18" s="1339"/>
      <c r="F18" s="1340"/>
      <c r="G18" s="1341"/>
      <c r="H18" s="1343"/>
      <c r="I18" s="1340"/>
      <c r="J18" s="1344"/>
    </row>
    <row r="19" spans="1:10" s="636" customFormat="1" ht="9" customHeight="1"/>
    <row r="20" spans="1:10" s="636" customFormat="1" ht="12.6" thickBot="1">
      <c r="A20" s="636" t="s">
        <v>1107</v>
      </c>
    </row>
    <row r="21" spans="1:10" s="636" customFormat="1" ht="15" customHeight="1">
      <c r="A21" s="946" t="s">
        <v>912</v>
      </c>
      <c r="B21" s="1312"/>
      <c r="C21" s="1313"/>
      <c r="D21" s="615"/>
      <c r="E21" s="616"/>
      <c r="F21" s="1314" t="s">
        <v>913</v>
      </c>
      <c r="G21" s="1314"/>
      <c r="H21" s="1315"/>
      <c r="I21" s="1315"/>
      <c r="J21" s="1316"/>
    </row>
    <row r="22" spans="1:10" s="636" customFormat="1" ht="15" customHeight="1">
      <c r="A22" s="613" t="s">
        <v>230</v>
      </c>
      <c r="B22" s="624"/>
      <c r="C22" s="614"/>
      <c r="D22" s="618" t="s">
        <v>231</v>
      </c>
      <c r="E22" s="619"/>
      <c r="F22" s="619"/>
      <c r="G22" s="619"/>
      <c r="H22" s="619"/>
      <c r="I22" s="619"/>
      <c r="J22" s="642"/>
    </row>
    <row r="23" spans="1:10" s="636" customFormat="1" ht="15" customHeight="1">
      <c r="A23" s="1317" t="s">
        <v>914</v>
      </c>
      <c r="B23" s="1318"/>
      <c r="C23" s="1319"/>
      <c r="D23" s="618" t="s">
        <v>915</v>
      </c>
      <c r="E23" s="619"/>
      <c r="F23" s="619"/>
      <c r="G23" s="619"/>
      <c r="H23" s="619"/>
      <c r="I23" s="619"/>
      <c r="J23" s="642"/>
    </row>
    <row r="24" spans="1:10" s="636" customFormat="1" ht="15" customHeight="1">
      <c r="A24" s="613" t="s">
        <v>232</v>
      </c>
      <c r="B24" s="624"/>
      <c r="C24" s="614"/>
      <c r="D24" s="760"/>
      <c r="E24" s="1320" t="s">
        <v>916</v>
      </c>
      <c r="F24" s="1320"/>
      <c r="G24" s="1320"/>
      <c r="H24" s="1320"/>
      <c r="I24" s="1320"/>
      <c r="J24" s="1321"/>
    </row>
    <row r="25" spans="1:10" s="636" customFormat="1" ht="15" customHeight="1">
      <c r="A25" s="613" t="s">
        <v>233</v>
      </c>
      <c r="B25" s="624"/>
      <c r="C25" s="614"/>
      <c r="D25" s="760"/>
      <c r="E25" s="1320" t="s">
        <v>916</v>
      </c>
      <c r="F25" s="1320"/>
      <c r="G25" s="1320"/>
      <c r="H25" s="1320"/>
      <c r="I25" s="1320"/>
      <c r="J25" s="1321"/>
    </row>
    <row r="26" spans="1:10" s="636" customFormat="1" ht="15" customHeight="1">
      <c r="A26" s="609" t="s">
        <v>234</v>
      </c>
      <c r="B26" s="619"/>
      <c r="C26" s="610"/>
      <c r="D26" s="618" t="s">
        <v>235</v>
      </c>
      <c r="E26" s="619"/>
      <c r="F26" s="619"/>
      <c r="G26" s="619"/>
      <c r="H26" s="619"/>
      <c r="I26" s="619"/>
      <c r="J26" s="620"/>
    </row>
    <row r="27" spans="1:10" s="636" customFormat="1" ht="15" customHeight="1">
      <c r="A27" s="1317" t="s">
        <v>917</v>
      </c>
      <c r="B27" s="1318"/>
      <c r="C27" s="1319"/>
      <c r="D27" s="618" t="s">
        <v>918</v>
      </c>
      <c r="E27" s="619"/>
      <c r="F27" s="761"/>
      <c r="G27" s="619" t="s">
        <v>919</v>
      </c>
      <c r="H27" s="619"/>
      <c r="I27" s="619"/>
      <c r="J27" s="762"/>
    </row>
    <row r="28" spans="1:10" s="636" customFormat="1" ht="15" customHeight="1">
      <c r="A28" s="613" t="s">
        <v>236</v>
      </c>
      <c r="B28" s="625"/>
      <c r="C28" s="614"/>
      <c r="D28" s="618" t="s">
        <v>237</v>
      </c>
      <c r="E28" s="619"/>
      <c r="F28" s="619"/>
      <c r="G28" s="619"/>
      <c r="H28" s="619"/>
      <c r="I28" s="619"/>
      <c r="J28" s="642"/>
    </row>
    <row r="29" spans="1:10" s="636" customFormat="1" ht="15" customHeight="1">
      <c r="A29" s="898" t="s">
        <v>238</v>
      </c>
      <c r="B29" s="1300"/>
      <c r="C29" s="1209"/>
      <c r="D29" s="618" t="s">
        <v>920</v>
      </c>
      <c r="E29" s="619"/>
      <c r="F29" s="619"/>
      <c r="G29" s="619"/>
      <c r="H29" s="619"/>
      <c r="I29" s="619"/>
      <c r="J29" s="620"/>
    </row>
    <row r="30" spans="1:10" s="636" customFormat="1" ht="15" customHeight="1">
      <c r="A30" s="1183"/>
      <c r="B30" s="1302"/>
      <c r="C30" s="1184"/>
      <c r="D30" s="618" t="s">
        <v>239</v>
      </c>
      <c r="E30" s="619"/>
      <c r="F30" s="619"/>
      <c r="G30" s="619"/>
      <c r="H30" s="619"/>
      <c r="I30" s="619"/>
      <c r="J30" s="620"/>
    </row>
    <row r="31" spans="1:10" s="636" customFormat="1" ht="15" customHeight="1">
      <c r="A31" s="1183"/>
      <c r="B31" s="1302"/>
      <c r="C31" s="1184"/>
      <c r="D31" s="618" t="s">
        <v>921</v>
      </c>
      <c r="E31" s="619"/>
      <c r="F31" s="619"/>
      <c r="G31" s="619" t="s">
        <v>922</v>
      </c>
      <c r="H31" s="680" t="s">
        <v>923</v>
      </c>
      <c r="I31" s="1299"/>
      <c r="J31" s="1322"/>
    </row>
    <row r="32" spans="1:10" s="636" customFormat="1" ht="15" customHeight="1">
      <c r="A32" s="1185"/>
      <c r="B32" s="1301"/>
      <c r="C32" s="1186"/>
      <c r="D32" s="618" t="s">
        <v>924</v>
      </c>
      <c r="E32" s="619"/>
      <c r="F32" s="619"/>
      <c r="G32" s="619" t="s">
        <v>922</v>
      </c>
      <c r="H32" s="680" t="s">
        <v>923</v>
      </c>
      <c r="I32" s="1299"/>
      <c r="J32" s="1322"/>
    </row>
    <row r="33" spans="1:10" s="636" customFormat="1" ht="21.75" customHeight="1" thickBot="1">
      <c r="A33" s="637" t="s">
        <v>240</v>
      </c>
      <c r="B33" s="638"/>
      <c r="C33" s="681"/>
      <c r="D33" s="682" t="s">
        <v>925</v>
      </c>
      <c r="E33" s="764"/>
      <c r="F33" s="683" t="s">
        <v>540</v>
      </c>
      <c r="G33" s="684" t="s">
        <v>926</v>
      </c>
      <c r="H33" s="763"/>
      <c r="I33" s="683" t="s">
        <v>540</v>
      </c>
      <c r="J33" s="204"/>
    </row>
    <row r="34" spans="1:10" s="636" customFormat="1" ht="6.75" customHeight="1"/>
    <row r="35" spans="1:10" s="636" customFormat="1" ht="12.6" thickBot="1">
      <c r="A35" s="636" t="s">
        <v>1108</v>
      </c>
    </row>
    <row r="36" spans="1:10" s="636" customFormat="1" ht="17.25" customHeight="1">
      <c r="A36" s="1323" t="s">
        <v>927</v>
      </c>
      <c r="B36" s="1324"/>
      <c r="C36" s="1325"/>
      <c r="D36" s="616"/>
      <c r="E36" s="616"/>
      <c r="F36" s="616" t="s">
        <v>928</v>
      </c>
      <c r="G36" s="616"/>
      <c r="H36" s="616"/>
      <c r="I36" s="616"/>
      <c r="J36" s="617"/>
    </row>
    <row r="37" spans="1:10" s="636" customFormat="1" ht="15.75" customHeight="1">
      <c r="A37" s="896" t="s">
        <v>241</v>
      </c>
      <c r="B37" s="906"/>
      <c r="C37" s="897"/>
      <c r="D37" s="1298"/>
      <c r="E37" s="1299"/>
      <c r="F37" s="685" t="s">
        <v>38</v>
      </c>
      <c r="G37" s="887"/>
      <c r="H37" s="887"/>
      <c r="I37" s="887"/>
      <c r="J37" s="620" t="s">
        <v>39</v>
      </c>
    </row>
    <row r="38" spans="1:10" ht="15.75" customHeight="1">
      <c r="A38" s="996" t="s">
        <v>929</v>
      </c>
      <c r="B38" s="1302"/>
      <c r="C38" s="1184"/>
      <c r="D38" s="625" t="s">
        <v>242</v>
      </c>
      <c r="E38" s="625"/>
      <c r="F38" s="625"/>
      <c r="G38" s="625"/>
      <c r="H38" s="625"/>
      <c r="I38" s="625"/>
      <c r="J38" s="647"/>
    </row>
    <row r="39" spans="1:10" ht="15.75" customHeight="1">
      <c r="A39" s="996" t="s">
        <v>243</v>
      </c>
      <c r="B39" s="1302"/>
      <c r="C39" s="1184"/>
      <c r="D39" s="625" t="s">
        <v>244</v>
      </c>
      <c r="E39" s="625"/>
      <c r="F39" s="625"/>
      <c r="G39" s="625"/>
      <c r="H39" s="625"/>
      <c r="I39" s="625"/>
      <c r="J39" s="647"/>
    </row>
    <row r="40" spans="1:10" ht="15.75" customHeight="1">
      <c r="A40" s="1145" t="s">
        <v>245</v>
      </c>
      <c r="B40" s="1310"/>
      <c r="C40" s="1311"/>
      <c r="D40" s="625" t="s">
        <v>246</v>
      </c>
      <c r="E40" s="625"/>
      <c r="F40" s="625"/>
      <c r="G40" s="625"/>
      <c r="H40" s="625"/>
      <c r="I40" s="625"/>
      <c r="J40" s="647"/>
    </row>
    <row r="41" spans="1:10" ht="15.75" customHeight="1">
      <c r="A41" s="613"/>
      <c r="B41" s="624"/>
      <c r="C41" s="614"/>
      <c r="D41" s="632"/>
      <c r="E41" s="624" t="s">
        <v>247</v>
      </c>
      <c r="F41" s="625"/>
      <c r="G41" s="625"/>
      <c r="H41" s="625"/>
      <c r="I41" s="626"/>
      <c r="J41" s="647"/>
    </row>
    <row r="42" spans="1:10" ht="15.75" customHeight="1">
      <c r="A42" s="896" t="s">
        <v>248</v>
      </c>
      <c r="B42" s="1191"/>
      <c r="C42" s="1192"/>
      <c r="D42" s="618"/>
      <c r="E42" s="629"/>
      <c r="F42" s="619"/>
      <c r="G42" s="619"/>
      <c r="H42" s="619"/>
      <c r="I42" s="619"/>
      <c r="J42" s="620"/>
    </row>
    <row r="43" spans="1:10" ht="15.75" customHeight="1">
      <c r="A43" s="896" t="s">
        <v>249</v>
      </c>
      <c r="B43" s="1191"/>
      <c r="C43" s="1192"/>
      <c r="D43" s="618" t="s">
        <v>250</v>
      </c>
      <c r="E43" s="629"/>
      <c r="F43" s="619"/>
      <c r="G43" s="619"/>
      <c r="H43" s="619"/>
      <c r="I43" s="619"/>
      <c r="J43" s="620"/>
    </row>
    <row r="44" spans="1:10" ht="15.75" customHeight="1">
      <c r="A44" s="896" t="s">
        <v>251</v>
      </c>
      <c r="B44" s="1191"/>
      <c r="C44" s="1192"/>
      <c r="D44" s="1298"/>
      <c r="E44" s="1299"/>
      <c r="F44" s="619"/>
      <c r="G44" s="624"/>
      <c r="H44" s="619"/>
      <c r="I44" s="619"/>
      <c r="J44" s="620"/>
    </row>
    <row r="45" spans="1:10" ht="15.75" customHeight="1">
      <c r="A45" s="896" t="s">
        <v>252</v>
      </c>
      <c r="B45" s="1191"/>
      <c r="C45" s="610"/>
      <c r="D45" s="618"/>
      <c r="E45" s="629"/>
      <c r="F45" s="619"/>
      <c r="G45" s="619"/>
      <c r="H45" s="619"/>
      <c r="I45" s="619"/>
      <c r="J45" s="620"/>
    </row>
    <row r="46" spans="1:10">
      <c r="A46" s="898" t="s">
        <v>253</v>
      </c>
      <c r="B46" s="1300"/>
      <c r="C46" s="1209"/>
      <c r="D46" s="639" t="s">
        <v>254</v>
      </c>
      <c r="E46" s="626"/>
      <c r="F46" s="625"/>
      <c r="G46" s="625"/>
      <c r="H46" s="625"/>
      <c r="I46" s="625"/>
      <c r="J46" s="647"/>
    </row>
    <row r="47" spans="1:10">
      <c r="A47" s="1185"/>
      <c r="B47" s="1301"/>
      <c r="C47" s="1186"/>
      <c r="D47" s="641" t="s">
        <v>255</v>
      </c>
      <c r="E47" s="632"/>
      <c r="F47" s="624" t="s">
        <v>256</v>
      </c>
      <c r="G47" s="624"/>
      <c r="H47" s="624"/>
      <c r="I47" s="624"/>
      <c r="J47" s="642"/>
    </row>
    <row r="48" spans="1:10">
      <c r="A48" s="996" t="s">
        <v>257</v>
      </c>
      <c r="B48" s="1302"/>
      <c r="C48" s="1184"/>
      <c r="D48" s="625" t="s">
        <v>258</v>
      </c>
      <c r="E48" s="626"/>
      <c r="F48" s="625"/>
      <c r="G48" s="1304" t="s">
        <v>259</v>
      </c>
      <c r="H48" s="1305"/>
      <c r="I48" s="625"/>
      <c r="J48" s="647"/>
    </row>
    <row r="49" spans="1:10">
      <c r="A49" s="1183"/>
      <c r="B49" s="1302"/>
      <c r="C49" s="1184"/>
      <c r="D49" s="625" t="s">
        <v>260</v>
      </c>
      <c r="E49" s="626"/>
      <c r="F49" s="625"/>
      <c r="G49" s="1306" t="s">
        <v>259</v>
      </c>
      <c r="H49" s="1307"/>
      <c r="I49" s="625"/>
      <c r="J49" s="647"/>
    </row>
    <row r="50" spans="1:10" ht="13.8" thickBot="1">
      <c r="A50" s="1222"/>
      <c r="B50" s="1303"/>
      <c r="C50" s="1223"/>
      <c r="D50" s="645" t="s">
        <v>261</v>
      </c>
      <c r="E50" s="634"/>
      <c r="F50" s="645"/>
      <c r="G50" s="1308" t="s">
        <v>259</v>
      </c>
      <c r="H50" s="1309"/>
      <c r="I50" s="645"/>
      <c r="J50" s="60"/>
    </row>
    <row r="51" spans="1:10">
      <c r="A51" s="636"/>
      <c r="B51" s="636" t="s">
        <v>930</v>
      </c>
      <c r="C51" s="636"/>
      <c r="D51" s="636"/>
      <c r="G51" s="636"/>
      <c r="H51" s="636"/>
      <c r="I51" s="636"/>
      <c r="J51" s="636"/>
    </row>
    <row r="52" spans="1:10">
      <c r="A52" s="636"/>
      <c r="B52" s="636"/>
      <c r="C52" s="636" t="s">
        <v>262</v>
      </c>
      <c r="D52" s="636"/>
      <c r="E52" s="636"/>
      <c r="G52" s="636"/>
      <c r="H52" s="636"/>
      <c r="I52" s="636"/>
      <c r="J52" s="636"/>
    </row>
    <row r="53" spans="1:10">
      <c r="A53" s="636"/>
      <c r="C53" s="636" t="s">
        <v>263</v>
      </c>
      <c r="G53" s="636"/>
      <c r="H53" s="636"/>
      <c r="I53" s="636"/>
      <c r="J53" s="636"/>
    </row>
    <row r="54" spans="1:10">
      <c r="A54" s="636"/>
      <c r="C54" s="636" t="s">
        <v>931</v>
      </c>
      <c r="G54" s="636"/>
      <c r="H54" s="636"/>
      <c r="I54" s="636"/>
      <c r="J54" s="636"/>
    </row>
    <row r="55" spans="1:10">
      <c r="A55" s="636"/>
      <c r="B55" s="636" t="s">
        <v>932</v>
      </c>
      <c r="C55" s="636"/>
      <c r="D55" s="636"/>
      <c r="E55" s="636"/>
      <c r="F55" s="636"/>
      <c r="G55" s="636"/>
      <c r="H55" s="636"/>
      <c r="I55" s="636"/>
      <c r="J55" s="636"/>
    </row>
    <row r="56" spans="1:10">
      <c r="A56" s="636"/>
      <c r="C56" s="636"/>
      <c r="D56" s="636"/>
      <c r="E56" s="636"/>
      <c r="F56" s="636"/>
      <c r="G56" s="636"/>
      <c r="H56" s="636"/>
      <c r="I56" s="636"/>
      <c r="J56" s="636"/>
    </row>
  </sheetData>
  <dataConsolidate/>
  <mergeCells count="34">
    <mergeCell ref="F4:H4"/>
    <mergeCell ref="F5:H5"/>
    <mergeCell ref="F6:H6"/>
    <mergeCell ref="A16:A18"/>
    <mergeCell ref="B17:D18"/>
    <mergeCell ref="E17:G18"/>
    <mergeCell ref="H17:J18"/>
    <mergeCell ref="A37:C37"/>
    <mergeCell ref="D37:E37"/>
    <mergeCell ref="G37:I37"/>
    <mergeCell ref="A21:C21"/>
    <mergeCell ref="F21:G21"/>
    <mergeCell ref="H21:J21"/>
    <mergeCell ref="A23:C23"/>
    <mergeCell ref="E24:J24"/>
    <mergeCell ref="E25:J25"/>
    <mergeCell ref="A27:C27"/>
    <mergeCell ref="A29:C32"/>
    <mergeCell ref="I31:J31"/>
    <mergeCell ref="I32:J32"/>
    <mergeCell ref="A36:C36"/>
    <mergeCell ref="A38:C38"/>
    <mergeCell ref="A39:C39"/>
    <mergeCell ref="A40:C40"/>
    <mergeCell ref="A42:C42"/>
    <mergeCell ref="A43:C43"/>
    <mergeCell ref="D44:E44"/>
    <mergeCell ref="A45:B45"/>
    <mergeCell ref="A46:C47"/>
    <mergeCell ref="A48:C50"/>
    <mergeCell ref="G48:H48"/>
    <mergeCell ref="G49:H49"/>
    <mergeCell ref="G50:H50"/>
    <mergeCell ref="A44:C44"/>
  </mergeCells>
  <phoneticPr fontId="3"/>
  <dataValidations count="12">
    <dataValidation type="list" imeMode="on" allowBlank="1" showInputMessage="1" promptTitle="未加入の職員" prompt="リストから選択してください。" sqref="F4:H6" xr:uid="{2E33FF98-4204-4D46-963E-8F79DD443786}">
      <formula1>"常勤職員,非常勤職員,"</formula1>
    </dataValidation>
    <dataValidation type="list" imeMode="on" allowBlank="1" showInputMessage="1" promptTitle="加入状況" prompt="リストから選択してください。" sqref="D7" xr:uid="{F7B022A3-6259-4680-8FDA-4349E4ED8273}">
      <formula1>"加入,未加入,"</formula1>
    </dataValidation>
    <dataValidation type="list" imeMode="on" allowBlank="1" showInputMessage="1" promptTitle="届出の状況" prompt="該当する場合は○を選択だしてください。" sqref="A11:A15" xr:uid="{56441726-2CBB-4A61-B949-603838826BAB}">
      <formula1>"○,"</formula1>
    </dataValidation>
    <dataValidation type="list" imeMode="on" allowBlank="1" showInputMessage="1" promptTitle="書面の種類" prompt="リストから選択してください。" sqref="H21:J21" xr:uid="{50158C7A-B5EC-4512-9F73-1F9FE878B863}">
      <formula1>"就業規則,労働条件通知書,雇用契約書,"</formula1>
    </dataValidation>
    <dataValidation type="list" imeMode="on" allowBlank="1" showInputMessage="1" promptTitle="育児休業制度の有無" prompt="リストから選択してください。" sqref="D24" xr:uid="{10063335-C0E3-49B1-8C81-80ACB3B3AA0C}">
      <formula1>"有,無,"</formula1>
    </dataValidation>
    <dataValidation type="list" imeMode="on" allowBlank="1" showInputMessage="1" promptTitle="介護休業制度の有無" prompt="リストから選択してください。" sqref="D25" xr:uid="{A5314183-1801-45DB-9405-77ED7AC08A89}">
      <formula1>"有,無,"</formula1>
    </dataValidation>
    <dataValidation type="list" imeMode="on" allowBlank="1" showInputMessage="1" promptTitle="割り増し賃金の支給" prompt="リストから選択してください。" sqref="F27 J27" xr:uid="{F2AC5BC5-5CE3-4CE2-B74E-D425FE890F1E}">
      <formula1>"有,無,"</formula1>
    </dataValidation>
    <dataValidation type="list" imeMode="on" allowBlank="1" showInputMessage="1" promptTitle="該当の有無" prompt="リストから選択してください。" sqref="I31:J32" xr:uid="{D57E529D-09F7-4882-9D75-DBC954D26155}">
      <formula1>"有,無,"</formula1>
    </dataValidation>
    <dataValidation type="list" imeMode="on" allowBlank="1" showInputMessage="1" promptTitle="定年延長制度の有無" prompt="リストから選択してください。" sqref="H33" xr:uid="{517141DA-FF34-4D2A-B1F2-A45F5D2446E5}">
      <formula1>"有,無,"</formula1>
    </dataValidation>
    <dataValidation type="list" imeMode="on" allowBlank="1" showInputMessage="1" promptTitle="定年制の有無" prompt="リストから選択してください。" sqref="E33" xr:uid="{367CB1B0-DA87-45C8-9241-472FB8FF5BB0}">
      <formula1>"有,無,"</formula1>
    </dataValidation>
    <dataValidation type="list" imeMode="on" allowBlank="1" showInputMessage="1" promptTitle="給料表" prompt="リストから選択してください。" sqref="D37:E37" xr:uid="{3764EAEB-1A1B-4A06-B736-D1812734A402}">
      <formula1>"準拠（国）同一,準拠（国）一部変更,準拠（県）同一,独自,その他,"</formula1>
    </dataValidation>
    <dataValidation type="list" imeMode="on" allowBlank="1" showInputMessage="1" promptTitle="給料の支払い方法" prompt="リストから選択してください。" sqref="D44:E44" xr:uid="{9A80B214-057D-4A86-9FBF-0AD521D88935}">
      <formula1>"現金支給,口座振替（同意書　有）,口座振替（同意書　無）,"</formula1>
    </dataValidation>
  </dataValidations>
  <pageMargins left="0.78740157480314965" right="0.43307086614173229" top="0.78740157480314965" bottom="0.55118110236220474" header="0.51181102362204722" footer="0.23622047244094491"/>
  <pageSetup paperSize="9" orientation="portrait" r:id="rId1"/>
  <headerFooter alignWithMargins="0">
    <oddFooter>&amp;C児養０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8129" r:id="rId4" name="Check Box 1">
              <controlPr defaultSize="0" autoFill="0" autoLine="0" autoPict="0">
                <anchor moveWithCells="1">
                  <from>
                    <xdr:col>3</xdr:col>
                    <xdr:colOff>137160</xdr:colOff>
                    <xdr:row>2</xdr:row>
                    <xdr:rowOff>60960</xdr:rowOff>
                  </from>
                  <to>
                    <xdr:col>4</xdr:col>
                    <xdr:colOff>68580</xdr:colOff>
                    <xdr:row>4</xdr:row>
                    <xdr:rowOff>60960</xdr:rowOff>
                  </to>
                </anchor>
              </controlPr>
            </control>
          </mc:Choice>
        </mc:AlternateContent>
        <mc:AlternateContent xmlns:mc="http://schemas.openxmlformats.org/markup-compatibility/2006">
          <mc:Choice Requires="x14">
            <control shapeId="48130" r:id="rId5" name="Check Box 2">
              <controlPr defaultSize="0" autoFill="0" autoLine="0" autoPict="0">
                <anchor moveWithCells="1">
                  <from>
                    <xdr:col>4</xdr:col>
                    <xdr:colOff>0</xdr:colOff>
                    <xdr:row>2</xdr:row>
                    <xdr:rowOff>76200</xdr:rowOff>
                  </from>
                  <to>
                    <xdr:col>5</xdr:col>
                    <xdr:colOff>60960</xdr:colOff>
                    <xdr:row>4</xdr:row>
                    <xdr:rowOff>60960</xdr:rowOff>
                  </to>
                </anchor>
              </controlPr>
            </control>
          </mc:Choice>
        </mc:AlternateContent>
        <mc:AlternateContent xmlns:mc="http://schemas.openxmlformats.org/markup-compatibility/2006">
          <mc:Choice Requires="x14">
            <control shapeId="48131" r:id="rId6" name="Check Box 3">
              <controlPr defaultSize="0" autoFill="0" autoLine="0" autoPict="0">
                <anchor moveWithCells="1">
                  <from>
                    <xdr:col>8</xdr:col>
                    <xdr:colOff>22860</xdr:colOff>
                    <xdr:row>2</xdr:row>
                    <xdr:rowOff>76200</xdr:rowOff>
                  </from>
                  <to>
                    <xdr:col>9</xdr:col>
                    <xdr:colOff>114300</xdr:colOff>
                    <xdr:row>4</xdr:row>
                    <xdr:rowOff>60960</xdr:rowOff>
                  </to>
                </anchor>
              </controlPr>
            </control>
          </mc:Choice>
        </mc:AlternateContent>
        <mc:AlternateContent xmlns:mc="http://schemas.openxmlformats.org/markup-compatibility/2006">
          <mc:Choice Requires="x14">
            <control shapeId="48132" r:id="rId7" name="Check Box 4">
              <controlPr defaultSize="0" autoFill="0" autoLine="0" autoPict="0">
                <anchor moveWithCells="1">
                  <from>
                    <xdr:col>3</xdr:col>
                    <xdr:colOff>137160</xdr:colOff>
                    <xdr:row>3</xdr:row>
                    <xdr:rowOff>152400</xdr:rowOff>
                  </from>
                  <to>
                    <xdr:col>4</xdr:col>
                    <xdr:colOff>60960</xdr:colOff>
                    <xdr:row>5</xdr:row>
                    <xdr:rowOff>60960</xdr:rowOff>
                  </to>
                </anchor>
              </controlPr>
            </control>
          </mc:Choice>
        </mc:AlternateContent>
        <mc:AlternateContent xmlns:mc="http://schemas.openxmlformats.org/markup-compatibility/2006">
          <mc:Choice Requires="x14">
            <control shapeId="48133" r:id="rId8" name="Check Box 5">
              <controlPr defaultSize="0" autoFill="0" autoLine="0" autoPict="0">
                <anchor moveWithCells="1">
                  <from>
                    <xdr:col>3</xdr:col>
                    <xdr:colOff>762000</xdr:colOff>
                    <xdr:row>3</xdr:row>
                    <xdr:rowOff>175260</xdr:rowOff>
                  </from>
                  <to>
                    <xdr:col>5</xdr:col>
                    <xdr:colOff>38100</xdr:colOff>
                    <xdr:row>5</xdr:row>
                    <xdr:rowOff>60960</xdr:rowOff>
                  </to>
                </anchor>
              </controlPr>
            </control>
          </mc:Choice>
        </mc:AlternateContent>
        <mc:AlternateContent xmlns:mc="http://schemas.openxmlformats.org/markup-compatibility/2006">
          <mc:Choice Requires="x14">
            <control shapeId="48134" r:id="rId9" name="Check Box 6">
              <controlPr defaultSize="0" autoFill="0" autoLine="0" autoPict="0">
                <anchor moveWithCells="1">
                  <from>
                    <xdr:col>8</xdr:col>
                    <xdr:colOff>22860</xdr:colOff>
                    <xdr:row>3</xdr:row>
                    <xdr:rowOff>175260</xdr:rowOff>
                  </from>
                  <to>
                    <xdr:col>9</xdr:col>
                    <xdr:colOff>106680</xdr:colOff>
                    <xdr:row>5</xdr:row>
                    <xdr:rowOff>60960</xdr:rowOff>
                  </to>
                </anchor>
              </controlPr>
            </control>
          </mc:Choice>
        </mc:AlternateContent>
        <mc:AlternateContent xmlns:mc="http://schemas.openxmlformats.org/markup-compatibility/2006">
          <mc:Choice Requires="x14">
            <control shapeId="48135" r:id="rId10" name="Check Box 7">
              <controlPr defaultSize="0" autoFill="0" autoLine="0" autoPict="0">
                <anchor moveWithCells="1">
                  <from>
                    <xdr:col>3</xdr:col>
                    <xdr:colOff>137160</xdr:colOff>
                    <xdr:row>4</xdr:row>
                    <xdr:rowOff>152400</xdr:rowOff>
                  </from>
                  <to>
                    <xdr:col>4</xdr:col>
                    <xdr:colOff>60960</xdr:colOff>
                    <xdr:row>6</xdr:row>
                    <xdr:rowOff>60960</xdr:rowOff>
                  </to>
                </anchor>
              </controlPr>
            </control>
          </mc:Choice>
        </mc:AlternateContent>
        <mc:AlternateContent xmlns:mc="http://schemas.openxmlformats.org/markup-compatibility/2006">
          <mc:Choice Requires="x14">
            <control shapeId="48136" r:id="rId11" name="Check Box 8">
              <controlPr defaultSize="0" autoFill="0" autoLine="0" autoPict="0">
                <anchor moveWithCells="1">
                  <from>
                    <xdr:col>3</xdr:col>
                    <xdr:colOff>762000</xdr:colOff>
                    <xdr:row>4</xdr:row>
                    <xdr:rowOff>175260</xdr:rowOff>
                  </from>
                  <to>
                    <xdr:col>5</xdr:col>
                    <xdr:colOff>22860</xdr:colOff>
                    <xdr:row>6</xdr:row>
                    <xdr:rowOff>60960</xdr:rowOff>
                  </to>
                </anchor>
              </controlPr>
            </control>
          </mc:Choice>
        </mc:AlternateContent>
        <mc:AlternateContent xmlns:mc="http://schemas.openxmlformats.org/markup-compatibility/2006">
          <mc:Choice Requires="x14">
            <control shapeId="48137" r:id="rId12" name="Check Box 9">
              <controlPr defaultSize="0" autoFill="0" autoLine="0" autoPict="0">
                <anchor moveWithCells="1">
                  <from>
                    <xdr:col>8</xdr:col>
                    <xdr:colOff>22860</xdr:colOff>
                    <xdr:row>4</xdr:row>
                    <xdr:rowOff>175260</xdr:rowOff>
                  </from>
                  <to>
                    <xdr:col>9</xdr:col>
                    <xdr:colOff>106680</xdr:colOff>
                    <xdr:row>6</xdr:row>
                    <xdr:rowOff>60960</xdr:rowOff>
                  </to>
                </anchor>
              </controlPr>
            </control>
          </mc:Choice>
        </mc:AlternateContent>
        <mc:AlternateContent xmlns:mc="http://schemas.openxmlformats.org/markup-compatibility/2006">
          <mc:Choice Requires="x14">
            <control shapeId="48138" r:id="rId13" name="Check Box 10">
              <controlPr defaultSize="0" autoFill="0" autoLine="0" autoPict="0">
                <anchor moveWithCells="1">
                  <from>
                    <xdr:col>3</xdr:col>
                    <xdr:colOff>83820</xdr:colOff>
                    <xdr:row>19</xdr:row>
                    <xdr:rowOff>114300</xdr:rowOff>
                  </from>
                  <to>
                    <xdr:col>4</xdr:col>
                    <xdr:colOff>327660</xdr:colOff>
                    <xdr:row>21</xdr:row>
                    <xdr:rowOff>60960</xdr:rowOff>
                  </to>
                </anchor>
              </controlPr>
            </control>
          </mc:Choice>
        </mc:AlternateContent>
        <mc:AlternateContent xmlns:mc="http://schemas.openxmlformats.org/markup-compatibility/2006">
          <mc:Choice Requires="x14">
            <control shapeId="48139" r:id="rId14" name="Check Box 11">
              <controlPr defaultSize="0" autoFill="0" autoLine="0" autoPict="0">
                <anchor moveWithCells="1">
                  <from>
                    <xdr:col>4</xdr:col>
                    <xdr:colOff>213360</xdr:colOff>
                    <xdr:row>19</xdr:row>
                    <xdr:rowOff>137160</xdr:rowOff>
                  </from>
                  <to>
                    <xdr:col>5</xdr:col>
                    <xdr:colOff>403860</xdr:colOff>
                    <xdr:row>21</xdr:row>
                    <xdr:rowOff>45720</xdr:rowOff>
                  </to>
                </anchor>
              </controlPr>
            </control>
          </mc:Choice>
        </mc:AlternateContent>
        <mc:AlternateContent xmlns:mc="http://schemas.openxmlformats.org/markup-compatibility/2006">
          <mc:Choice Requires="x14">
            <control shapeId="48140" r:id="rId15" name="Check Box 12">
              <controlPr defaultSize="0" autoFill="0" autoLine="0" autoPict="0">
                <anchor moveWithCells="1">
                  <from>
                    <xdr:col>4</xdr:col>
                    <xdr:colOff>68580</xdr:colOff>
                    <xdr:row>29</xdr:row>
                    <xdr:rowOff>160020</xdr:rowOff>
                  </from>
                  <to>
                    <xdr:col>5</xdr:col>
                    <xdr:colOff>30480</xdr:colOff>
                    <xdr:row>31</xdr:row>
                    <xdr:rowOff>45720</xdr:rowOff>
                  </to>
                </anchor>
              </controlPr>
            </control>
          </mc:Choice>
        </mc:AlternateContent>
        <mc:AlternateContent xmlns:mc="http://schemas.openxmlformats.org/markup-compatibility/2006">
          <mc:Choice Requires="x14">
            <control shapeId="48141" r:id="rId16" name="Check Box 13">
              <controlPr defaultSize="0" autoFill="0" autoLine="0" autoPict="0">
                <anchor moveWithCells="1">
                  <from>
                    <xdr:col>4</xdr:col>
                    <xdr:colOff>754380</xdr:colOff>
                    <xdr:row>29</xdr:row>
                    <xdr:rowOff>175260</xdr:rowOff>
                  </from>
                  <to>
                    <xdr:col>5</xdr:col>
                    <xdr:colOff>365760</xdr:colOff>
                    <xdr:row>31</xdr:row>
                    <xdr:rowOff>22860</xdr:rowOff>
                  </to>
                </anchor>
              </controlPr>
            </control>
          </mc:Choice>
        </mc:AlternateContent>
        <mc:AlternateContent xmlns:mc="http://schemas.openxmlformats.org/markup-compatibility/2006">
          <mc:Choice Requires="x14">
            <control shapeId="48142" r:id="rId17" name="Check Box 14">
              <controlPr defaultSize="0" autoFill="0" autoLine="0" autoPict="0">
                <anchor moveWithCells="1">
                  <from>
                    <xdr:col>4</xdr:col>
                    <xdr:colOff>68580</xdr:colOff>
                    <xdr:row>30</xdr:row>
                    <xdr:rowOff>160020</xdr:rowOff>
                  </from>
                  <to>
                    <xdr:col>5</xdr:col>
                    <xdr:colOff>30480</xdr:colOff>
                    <xdr:row>32</xdr:row>
                    <xdr:rowOff>45720</xdr:rowOff>
                  </to>
                </anchor>
              </controlPr>
            </control>
          </mc:Choice>
        </mc:AlternateContent>
        <mc:AlternateContent xmlns:mc="http://schemas.openxmlformats.org/markup-compatibility/2006">
          <mc:Choice Requires="x14">
            <control shapeId="48143" r:id="rId18" name="Check Box 15">
              <controlPr defaultSize="0" autoFill="0" autoLine="0" autoPict="0">
                <anchor moveWithCells="1">
                  <from>
                    <xdr:col>4</xdr:col>
                    <xdr:colOff>754380</xdr:colOff>
                    <xdr:row>30</xdr:row>
                    <xdr:rowOff>175260</xdr:rowOff>
                  </from>
                  <to>
                    <xdr:col>5</xdr:col>
                    <xdr:colOff>365760</xdr:colOff>
                    <xdr:row>32</xdr:row>
                    <xdr:rowOff>22860</xdr:rowOff>
                  </to>
                </anchor>
              </controlPr>
            </control>
          </mc:Choice>
        </mc:AlternateContent>
        <mc:AlternateContent xmlns:mc="http://schemas.openxmlformats.org/markup-compatibility/2006">
          <mc:Choice Requires="x14">
            <control shapeId="48144" r:id="rId19" name="Check Box 16">
              <controlPr defaultSize="0" autoFill="0" autoLine="0" autoPict="0">
                <anchor moveWithCells="1">
                  <from>
                    <xdr:col>3</xdr:col>
                    <xdr:colOff>144780</xdr:colOff>
                    <xdr:row>34</xdr:row>
                    <xdr:rowOff>137160</xdr:rowOff>
                  </from>
                  <to>
                    <xdr:col>3</xdr:col>
                    <xdr:colOff>594360</xdr:colOff>
                    <xdr:row>36</xdr:row>
                    <xdr:rowOff>22860</xdr:rowOff>
                  </to>
                </anchor>
              </controlPr>
            </control>
          </mc:Choice>
        </mc:AlternateContent>
        <mc:AlternateContent xmlns:mc="http://schemas.openxmlformats.org/markup-compatibility/2006">
          <mc:Choice Requires="x14">
            <control shapeId="48145" r:id="rId20" name="Check Box 17">
              <controlPr defaultSize="0" autoFill="0" autoLine="0" autoPict="0">
                <anchor moveWithCells="1">
                  <from>
                    <xdr:col>3</xdr:col>
                    <xdr:colOff>655320</xdr:colOff>
                    <xdr:row>34</xdr:row>
                    <xdr:rowOff>152400</xdr:rowOff>
                  </from>
                  <to>
                    <xdr:col>4</xdr:col>
                    <xdr:colOff>312420</xdr:colOff>
                    <xdr:row>36</xdr:row>
                    <xdr:rowOff>7620</xdr:rowOff>
                  </to>
                </anchor>
              </controlPr>
            </control>
          </mc:Choice>
        </mc:AlternateContent>
        <mc:AlternateContent xmlns:mc="http://schemas.openxmlformats.org/markup-compatibility/2006">
          <mc:Choice Requires="x14">
            <control shapeId="48146" r:id="rId21" name="Check Box 18">
              <controlPr defaultSize="0" autoFill="0" autoLine="0" autoPict="0">
                <anchor moveWithCells="1">
                  <from>
                    <xdr:col>3</xdr:col>
                    <xdr:colOff>106680</xdr:colOff>
                    <xdr:row>40</xdr:row>
                    <xdr:rowOff>175260</xdr:rowOff>
                  </from>
                  <to>
                    <xdr:col>3</xdr:col>
                    <xdr:colOff>556260</xdr:colOff>
                    <xdr:row>42</xdr:row>
                    <xdr:rowOff>38100</xdr:rowOff>
                  </to>
                </anchor>
              </controlPr>
            </control>
          </mc:Choice>
        </mc:AlternateContent>
        <mc:AlternateContent xmlns:mc="http://schemas.openxmlformats.org/markup-compatibility/2006">
          <mc:Choice Requires="x14">
            <control shapeId="48147" r:id="rId22" name="Check Box 19">
              <controlPr defaultSize="0" autoFill="0" autoLine="0" autoPict="0">
                <anchor moveWithCells="1">
                  <from>
                    <xdr:col>3</xdr:col>
                    <xdr:colOff>617220</xdr:colOff>
                    <xdr:row>40</xdr:row>
                    <xdr:rowOff>190500</xdr:rowOff>
                  </from>
                  <to>
                    <xdr:col>4</xdr:col>
                    <xdr:colOff>274320</xdr:colOff>
                    <xdr:row>42</xdr:row>
                    <xdr:rowOff>22860</xdr:rowOff>
                  </to>
                </anchor>
              </controlPr>
            </control>
          </mc:Choice>
        </mc:AlternateContent>
        <mc:AlternateContent xmlns:mc="http://schemas.openxmlformats.org/markup-compatibility/2006">
          <mc:Choice Requires="x14">
            <control shapeId="48148" r:id="rId23" name="Check Box 20">
              <controlPr defaultSize="0" autoFill="0" autoLine="0" autoPict="0">
                <anchor moveWithCells="1">
                  <from>
                    <xdr:col>3</xdr:col>
                    <xdr:colOff>114300</xdr:colOff>
                    <xdr:row>43</xdr:row>
                    <xdr:rowOff>160020</xdr:rowOff>
                  </from>
                  <to>
                    <xdr:col>3</xdr:col>
                    <xdr:colOff>556260</xdr:colOff>
                    <xdr:row>45</xdr:row>
                    <xdr:rowOff>30480</xdr:rowOff>
                  </to>
                </anchor>
              </controlPr>
            </control>
          </mc:Choice>
        </mc:AlternateContent>
        <mc:AlternateContent xmlns:mc="http://schemas.openxmlformats.org/markup-compatibility/2006">
          <mc:Choice Requires="x14">
            <control shapeId="48149" r:id="rId24" name="Check Box 21">
              <controlPr defaultSize="0" autoFill="0" autoLine="0" autoPict="0">
                <anchor moveWithCells="1">
                  <from>
                    <xdr:col>3</xdr:col>
                    <xdr:colOff>632460</xdr:colOff>
                    <xdr:row>43</xdr:row>
                    <xdr:rowOff>182880</xdr:rowOff>
                  </from>
                  <to>
                    <xdr:col>4</xdr:col>
                    <xdr:colOff>289560</xdr:colOff>
                    <xdr:row>45</xdr:row>
                    <xdr:rowOff>22860</xdr:rowOff>
                  </to>
                </anchor>
              </controlPr>
            </control>
          </mc:Choice>
        </mc:AlternateContent>
        <mc:AlternateContent xmlns:mc="http://schemas.openxmlformats.org/markup-compatibility/2006">
          <mc:Choice Requires="x14">
            <control shapeId="48151" r:id="rId25" name="Check Box 23">
              <controlPr defaultSize="0" autoFill="0" autoLine="0" autoPict="0">
                <anchor moveWithCells="1">
                  <from>
                    <xdr:col>4</xdr:col>
                    <xdr:colOff>0</xdr:colOff>
                    <xdr:row>2</xdr:row>
                    <xdr:rowOff>76200</xdr:rowOff>
                  </from>
                  <to>
                    <xdr:col>5</xdr:col>
                    <xdr:colOff>60960</xdr:colOff>
                    <xdr:row>4</xdr:row>
                    <xdr:rowOff>6096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6</vt:i4>
      </vt:variant>
      <vt:variant>
        <vt:lpstr>名前付き一覧</vt:lpstr>
      </vt:variant>
      <vt:variant>
        <vt:i4>9</vt:i4>
      </vt:variant>
    </vt:vector>
  </HeadingPairs>
  <TitlesOfParts>
    <vt:vector size="35" baseType="lpstr">
      <vt:lpstr>児養０１</vt:lpstr>
      <vt:lpstr>児養０１（別紙）</vt:lpstr>
      <vt:lpstr>児養０２</vt:lpstr>
      <vt:lpstr>児養０3</vt:lpstr>
      <vt:lpstr>児養０４</vt:lpstr>
      <vt:lpstr>児養０５</vt:lpstr>
      <vt:lpstr>児養０６</vt:lpstr>
      <vt:lpstr>児養０７</vt:lpstr>
      <vt:lpstr>児養０8</vt:lpstr>
      <vt:lpstr>児養０９</vt:lpstr>
      <vt:lpstr>児養１０</vt:lpstr>
      <vt:lpstr>児養１１</vt:lpstr>
      <vt:lpstr>児養１２</vt:lpstr>
      <vt:lpstr>児養１３</vt:lpstr>
      <vt:lpstr>児養１４</vt:lpstr>
      <vt:lpstr>児養１５</vt:lpstr>
      <vt:lpstr>児養１６</vt:lpstr>
      <vt:lpstr>児養１７</vt:lpstr>
      <vt:lpstr>児養１８</vt:lpstr>
      <vt:lpstr>児養１９</vt:lpstr>
      <vt:lpstr>児養２０</vt:lpstr>
      <vt:lpstr>児養２１</vt:lpstr>
      <vt:lpstr>児養２２</vt:lpstr>
      <vt:lpstr>児養２３</vt:lpstr>
      <vt:lpstr>児養自由記載</vt:lpstr>
      <vt:lpstr>児養最終(添付書類）</vt:lpstr>
      <vt:lpstr>児養０１!Print_Area</vt:lpstr>
      <vt:lpstr>児養０４!Print_Area</vt:lpstr>
      <vt:lpstr>児養０７!Print_Area</vt:lpstr>
      <vt:lpstr>児養１４!Print_Area</vt:lpstr>
      <vt:lpstr>児養１７!Print_Area</vt:lpstr>
      <vt:lpstr>児養１８!Print_Area</vt:lpstr>
      <vt:lpstr>児養２０!Print_Area</vt:lpstr>
      <vt:lpstr>児養２１!Print_Area</vt:lpstr>
      <vt:lpstr>児養０７!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6-09T02:32:57Z</cp:lastPrinted>
  <dcterms:created xsi:type="dcterms:W3CDTF">2024-08-22T05:21:03Z</dcterms:created>
  <dcterms:modified xsi:type="dcterms:W3CDTF">2026-07-02T00:21:31Z</dcterms:modified>
</cp:coreProperties>
</file>